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C:\Users\s2364\Desktop\"/>
    </mc:Choice>
  </mc:AlternateContent>
  <bookViews>
    <workbookView xWindow="0" yWindow="0" windowWidth="28800" windowHeight="12450" tabRatio="798"/>
  </bookViews>
  <sheets>
    <sheet name="★別紙1－2（介護予防サービス）" sheetId="297" r:id="rId1"/>
    <sheet name="★別紙1－2 (サテライト)" sheetId="308" r:id="rId2"/>
    <sheet name="備考（1－2）" sheetId="301" r:id="rId3"/>
    <sheet name="参考様式23" sheetId="226" r:id="rId4"/>
    <sheet name="参考様式23-参考資料" sheetId="304" r:id="rId5"/>
    <sheet name="別紙●24" sheetId="66" state="hidden" r:id="rId6"/>
  </sheets>
  <externalReferences>
    <externalReference r:id="rId7"/>
    <externalReference r:id="rId8"/>
    <externalReference r:id="rId9"/>
  </externalReferences>
  <definedNames>
    <definedName name="ｋ" localSheetId="1">#REF!</definedName>
    <definedName name="ｋ">#REF!</definedName>
    <definedName name="_xlnm.Print_Area" localSheetId="1">'★別紙1－2 (サテライト)'!$A$1:$AF$21</definedName>
    <definedName name="_xlnm.Print_Area" localSheetId="0">'★別紙1－2（介護予防サービス）'!$A$1:$AF$360</definedName>
    <definedName name="_xlnm.Print_Area" localSheetId="3">参考様式23!$A$1:$AJ$61</definedName>
    <definedName name="_xlnm.Print_Area" localSheetId="4">'参考様式23-参考資料'!$A$1:$S$88</definedName>
    <definedName name="_xlnm.Print_Area" localSheetId="2">'備考（1－2）'!$A$1:$N$42</definedName>
    <definedName name="_xlnm.Print_Area" localSheetId="5">別紙●24!$A$1:$AM$77</definedName>
    <definedName name="Z_918D9391_3166_42FD_8CCC_73DDA136E9AD_.wvu.PrintArea" localSheetId="1" hidden="1">'★別紙1－2 (サテライト)'!$A$1:$AF$21</definedName>
    <definedName name="Z_918D9391_3166_42FD_8CCC_73DDA136E9AD_.wvu.PrintArea" localSheetId="0" hidden="1">'★別紙1－2（介護予防サービス）'!$A$1:$AF$360</definedName>
    <definedName name="あ" localSheetId="1">#REF!</definedName>
    <definedName name="あ">#REF!</definedName>
    <definedName name="あいう" localSheetId="1">#REF!</definedName>
    <definedName name="あいう">#REF!</definedName>
    <definedName name="サービス種別">[1]サービス種類一覧!$B$4:$B$20</definedName>
    <definedName name="サービス種類">[2]サービス種類一覧!$C$4:$C$20</definedName>
    <definedName name="サービス名" localSheetId="1">#REF!</definedName>
    <definedName name="サービス名">#REF!</definedName>
    <definedName name="サービス名称" localSheetId="1">#REF!</definedName>
    <definedName name="サービス名称">#REF!</definedName>
    <definedName name="じ" localSheetId="1">#REF!</definedName>
    <definedName name="じ">#REF!</definedName>
    <definedName name="だだ" localSheetId="1">#REF!</definedName>
    <definedName name="だだ">#REF!</definedName>
    <definedName name="っっｋ" localSheetId="1">#REF!</definedName>
    <definedName name="っっｋ">#REF!</definedName>
    <definedName name="っっっっｌ" localSheetId="1">#REF!</definedName>
    <definedName name="っっっっｌ">#REF!</definedName>
    <definedName name="確認" localSheetId="1">#REF!</definedName>
    <definedName name="確認">#REF!</definedName>
    <definedName name="種類">[3]サービス種類一覧!$A$4:$A$20</definedName>
  </definedNames>
  <calcPr calcId="152511"/>
</workbook>
</file>

<file path=xl/calcChain.xml><?xml version="1.0" encoding="utf-8"?>
<calcChain xmlns="http://schemas.openxmlformats.org/spreadsheetml/2006/main">
  <c r="P50" i="304" l="1"/>
  <c r="M50" i="304"/>
  <c r="P48" i="304"/>
  <c r="M48" i="304"/>
  <c r="P46" i="304"/>
  <c r="P53" i="304" s="1"/>
  <c r="P54" i="304" s="1"/>
  <c r="M46" i="304"/>
  <c r="M53" i="304" s="1"/>
  <c r="M54" i="304" s="1"/>
  <c r="P55" i="304" s="1"/>
  <c r="P39" i="304"/>
  <c r="P40" i="304" s="1"/>
  <c r="P36" i="304"/>
  <c r="M36" i="304"/>
  <c r="P34" i="304"/>
  <c r="M34" i="304"/>
  <c r="P32" i="304"/>
  <c r="M32" i="304"/>
  <c r="P30" i="304"/>
  <c r="M30" i="304"/>
  <c r="P28" i="304"/>
  <c r="M28" i="304"/>
  <c r="P26" i="304"/>
  <c r="M26" i="304"/>
  <c r="P24" i="304"/>
  <c r="M24" i="304"/>
  <c r="P22" i="304"/>
  <c r="M22" i="304"/>
  <c r="P20" i="304"/>
  <c r="M20" i="304"/>
  <c r="P18" i="304"/>
  <c r="M18" i="304"/>
  <c r="M39" i="304" s="1"/>
  <c r="M40" i="304" s="1"/>
  <c r="P41" i="304" s="1"/>
  <c r="P16" i="304"/>
  <c r="M16" i="304"/>
  <c r="E50" i="304" l="1"/>
  <c r="E48" i="304"/>
  <c r="E46" i="304"/>
  <c r="M45" i="304"/>
  <c r="E36" i="304"/>
  <c r="E34" i="304"/>
  <c r="E32" i="304"/>
  <c r="E30" i="304"/>
  <c r="E28" i="304"/>
  <c r="E26" i="304"/>
  <c r="E24" i="304"/>
  <c r="E22" i="304"/>
  <c r="E20" i="304"/>
  <c r="E18" i="304"/>
  <c r="E16" i="304"/>
  <c r="M15" i="304"/>
  <c r="J55" i="304" s="1"/>
  <c r="F9" i="304"/>
  <c r="E51" i="304" s="1"/>
  <c r="P15" i="304" l="1"/>
  <c r="E17" i="304"/>
  <c r="E19" i="304"/>
  <c r="E21" i="304"/>
  <c r="E23" i="304"/>
  <c r="E25" i="304"/>
  <c r="E27" i="304"/>
  <c r="E29" i="304"/>
  <c r="E31" i="304"/>
  <c r="E33" i="304"/>
  <c r="E35" i="304"/>
  <c r="E37" i="304"/>
  <c r="P45" i="304"/>
  <c r="E47" i="304"/>
  <c r="E49" i="304"/>
  <c r="J41" i="304"/>
</calcChain>
</file>

<file path=xl/sharedStrings.xml><?xml version="1.0" encoding="utf-8"?>
<sst xmlns="http://schemas.openxmlformats.org/spreadsheetml/2006/main" count="2736" uniqueCount="488">
  <si>
    <t>（指定を受けている場合）</t>
    <rPh sb="1" eb="3">
      <t>シテイ</t>
    </rPh>
    <rPh sb="4" eb="5">
      <t>ウ</t>
    </rPh>
    <rPh sb="9" eb="11">
      <t>バアイ</t>
    </rPh>
    <phoneticPr fontId="6"/>
  </si>
  <si>
    <t>施設等の区分</t>
  </si>
  <si>
    <t>訪問介護</t>
  </si>
  <si>
    <t>訪問入浴介護</t>
  </si>
  <si>
    <t>通所介護</t>
  </si>
  <si>
    <t>福祉用具貸与</t>
  </si>
  <si>
    <t>短期入所生活介護</t>
  </si>
  <si>
    <t>フリガナ</t>
  </si>
  <si>
    <t>主たる事務所の所在地</t>
  </si>
  <si>
    <t>電話番号</t>
  </si>
  <si>
    <t>FAX番号</t>
  </si>
  <si>
    <t>法人所轄庁</t>
  </si>
  <si>
    <t>代表者の職・氏名</t>
  </si>
  <si>
    <t>職名</t>
  </si>
  <si>
    <t>氏名</t>
  </si>
  <si>
    <t>代表者の住所</t>
  </si>
  <si>
    <t>主たる事業所の所在地以外の場所で一部実施する場合の出張所等の所在地</t>
  </si>
  <si>
    <t>管理者の氏名</t>
  </si>
  <si>
    <t>管理者の住所</t>
  </si>
  <si>
    <t>実施事業</t>
  </si>
  <si>
    <t>異動等の区分</t>
  </si>
  <si>
    <t>介護保険事業所番号</t>
  </si>
  <si>
    <t>特記事項</t>
  </si>
  <si>
    <t>関係書類</t>
  </si>
  <si>
    <t>別添のとおり</t>
  </si>
  <si>
    <t>　　　3　「法人所轄庁」欄、申請者が認可法人である場合に、その主務官庁の名称を記載してください。</t>
  </si>
  <si>
    <t>　　　4　「実施事業」欄は、該当する欄に「〇」を記入してください。</t>
  </si>
  <si>
    <t>　　　6　「異動項目」欄には、(別紙1)「介護給付費算定に係る体制等状況一覧表」に掲げる項目を記載してください。</t>
  </si>
  <si>
    <t>平成</t>
    <rPh sb="0" eb="2">
      <t>ヘイセイ</t>
    </rPh>
    <phoneticPr fontId="6"/>
  </si>
  <si>
    <t>日</t>
    <rPh sb="0" eb="1">
      <t>ヒ</t>
    </rPh>
    <phoneticPr fontId="6"/>
  </si>
  <si>
    <t>月</t>
    <rPh sb="0" eb="1">
      <t>ツキ</t>
    </rPh>
    <phoneticPr fontId="6"/>
  </si>
  <si>
    <t>年月日</t>
    <rPh sb="0" eb="3">
      <t>ネンガッピ</t>
    </rPh>
    <phoneticPr fontId="6"/>
  </si>
  <si>
    <t>(※変更の場合)</t>
    <rPh sb="2" eb="4">
      <t>ヘンコウ</t>
    </rPh>
    <rPh sb="5" eb="7">
      <t>バアイ</t>
    </rPh>
    <phoneticPr fontId="6"/>
  </si>
  <si>
    <t>変　更　後</t>
    <rPh sb="4" eb="5">
      <t>ゴ</t>
    </rPh>
    <phoneticPr fontId="6"/>
  </si>
  <si>
    <t>年</t>
    <rPh sb="0" eb="1">
      <t>ネン</t>
    </rPh>
    <phoneticPr fontId="6"/>
  </si>
  <si>
    <t>　　　2　「法人である場合その種別」欄は、申請者が法人である場合に、「社会福祉法人」「医療法人」「社団法人」「財団法人」「株式会社」「有限会社」等の別を記入してください。</t>
  </si>
  <si>
    <t>　　　5　「異動等の区分」欄には、今回届出を行う事業所について該当する数字に「〇」を記入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医療機関コード等</t>
    <rPh sb="0" eb="2">
      <t>イリョウ</t>
    </rPh>
    <rPh sb="2" eb="4">
      <t>キカン</t>
    </rPh>
    <rPh sb="7" eb="8">
      <t>トウ</t>
    </rPh>
    <phoneticPr fontId="6"/>
  </si>
  <si>
    <t>介護給付費算定に係る体制等に関する進達書＜基準該当事業者用＞</t>
    <rPh sb="17" eb="19">
      <t>シンタツ</t>
    </rPh>
    <rPh sb="21" eb="23">
      <t>キジュン</t>
    </rPh>
    <rPh sb="23" eb="25">
      <t>ガイトウ</t>
    </rPh>
    <rPh sb="25" eb="28">
      <t>ジギョウシャ</t>
    </rPh>
    <phoneticPr fontId="6"/>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6"/>
  </si>
  <si>
    <t>届出を行う事業所の状況</t>
    <rPh sb="9" eb="11">
      <t>ジョウキョウ</t>
    </rPh>
    <phoneticPr fontId="6"/>
  </si>
  <si>
    <t>居宅介護支援</t>
    <rPh sb="0" eb="2">
      <t>キョタク</t>
    </rPh>
    <rPh sb="2" eb="4">
      <t>カイゴ</t>
    </rPh>
    <rPh sb="4" eb="6">
      <t>シエン</t>
    </rPh>
    <phoneticPr fontId="6"/>
  </si>
  <si>
    <t>登録年</t>
    <rPh sb="0" eb="2">
      <t>トウロク</t>
    </rPh>
    <rPh sb="2" eb="3">
      <t>ネン</t>
    </rPh>
    <phoneticPr fontId="6"/>
  </si>
  <si>
    <t>月日</t>
    <rPh sb="0" eb="2">
      <t>ガッピ</t>
    </rPh>
    <phoneticPr fontId="6"/>
  </si>
  <si>
    <t>基準該当事業所番号</t>
    <rPh sb="0" eb="2">
      <t>キジュン</t>
    </rPh>
    <rPh sb="2" eb="4">
      <t>ガイトウ</t>
    </rPh>
    <rPh sb="4" eb="7">
      <t>ジギョウショ</t>
    </rPh>
    <rPh sb="7" eb="9">
      <t>バンゴウ</t>
    </rPh>
    <phoneticPr fontId="6"/>
  </si>
  <si>
    <t>登録を受けている市町村</t>
    <rPh sb="0" eb="2">
      <t>トウロク</t>
    </rPh>
    <rPh sb="3" eb="4">
      <t>ウ</t>
    </rPh>
    <rPh sb="8" eb="11">
      <t>シチョウソン</t>
    </rPh>
    <phoneticPr fontId="6"/>
  </si>
  <si>
    <t>既に指定等を受けている事業</t>
    <rPh sb="0" eb="1">
      <t>スデ</t>
    </rPh>
    <rPh sb="2" eb="4">
      <t>シテイ</t>
    </rPh>
    <rPh sb="4" eb="5">
      <t>トウ</t>
    </rPh>
    <rPh sb="6" eb="7">
      <t>ウ</t>
    </rPh>
    <rPh sb="11" eb="13">
      <t>ジギョウ</t>
    </rPh>
    <phoneticPr fontId="6"/>
  </si>
  <si>
    <t>市町村が定める率</t>
    <rPh sb="0" eb="3">
      <t>シチョウソン</t>
    </rPh>
    <rPh sb="4" eb="5">
      <t>サダ</t>
    </rPh>
    <rPh sb="7" eb="8">
      <t>リツ</t>
    </rPh>
    <phoneticPr fontId="6"/>
  </si>
  <si>
    <t>(市町村記載)</t>
    <rPh sb="1" eb="4">
      <t>シチョウソン</t>
    </rPh>
    <rPh sb="4" eb="6">
      <t>キサイ</t>
    </rPh>
    <phoneticPr fontId="6"/>
  </si>
  <si>
    <t>備考1　「受付番号」欄には記載しないでください。</t>
    <rPh sb="7" eb="9">
      <t>バンゴウ</t>
    </rPh>
    <phoneticPr fontId="6"/>
  </si>
  <si>
    <t>法人である場合その種別</t>
    <rPh sb="5" eb="7">
      <t>バアイ</t>
    </rPh>
    <phoneticPr fontId="6"/>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6"/>
  </si>
  <si>
    <t>第1週</t>
  </si>
  <si>
    <t>第2週</t>
  </si>
  <si>
    <t>第3週</t>
  </si>
  <si>
    <t>第4週</t>
  </si>
  <si>
    <t>＊</t>
  </si>
  <si>
    <t>①</t>
  </si>
  <si>
    <t>③</t>
  </si>
  <si>
    <t>②</t>
  </si>
  <si>
    <t>④</t>
  </si>
  <si>
    <t>ab</t>
  </si>
  <si>
    <t>cd</t>
  </si>
  <si>
    <t>e</t>
  </si>
  <si>
    <t>常勤換　　　　　　　　　算後の　　　　　　　　　　　　人数　</t>
    <rPh sb="27" eb="29">
      <t>ニンズウ</t>
    </rPh>
    <phoneticPr fontId="6"/>
  </si>
  <si>
    <t>＜配置状況＞</t>
  </si>
  <si>
    <t>看護職員：介護職員</t>
  </si>
  <si>
    <t>看護師：准看護師　(日中)</t>
    <rPh sb="2" eb="3">
      <t>シ</t>
    </rPh>
    <rPh sb="7" eb="8">
      <t>シ</t>
    </rPh>
    <phoneticPr fontId="6"/>
  </si>
  <si>
    <t>看護師：准看護師 （夜間）</t>
    <rPh sb="2" eb="3">
      <t>シ</t>
    </rPh>
    <rPh sb="7" eb="8">
      <t>シ</t>
    </rPh>
    <rPh sb="10" eb="12">
      <t>ヤカン</t>
    </rPh>
    <phoneticPr fontId="6"/>
  </si>
  <si>
    <t>異動（予定）</t>
    <phoneticPr fontId="6"/>
  </si>
  <si>
    <t>異動項目</t>
    <phoneticPr fontId="6"/>
  </si>
  <si>
    <t xml:space="preserve"> 1新規　2変更　3終了</t>
    <phoneticPr fontId="6"/>
  </si>
  <si>
    <t>　　4　「実施事業」欄は、該当する欄に「〇」を記入してください。</t>
    <phoneticPr fontId="6"/>
  </si>
  <si>
    <t>　　6　「異動項目」欄には、(別紙1，1－2)「介護給付費算定に係る体制等状況一覧表」に掲げる項目を記載してください。</t>
    <phoneticPr fontId="6"/>
  </si>
  <si>
    <t>％</t>
    <phoneticPr fontId="6"/>
  </si>
  <si>
    <t>　　8　「特記事項」欄には、異動の状況について具体的に記載してください。</t>
    <phoneticPr fontId="6"/>
  </si>
  <si>
    <t>市町村長名</t>
    <rPh sb="0" eb="3">
      <t>シチョウソン</t>
    </rPh>
    <rPh sb="3" eb="4">
      <t>チョウ</t>
    </rPh>
    <rPh sb="4" eb="5">
      <t>メイ</t>
    </rPh>
    <phoneticPr fontId="6"/>
  </si>
  <si>
    <t>介護予防訪問介護</t>
    <rPh sb="0" eb="2">
      <t>カイゴ</t>
    </rPh>
    <rPh sb="2" eb="4">
      <t>ヨボウ</t>
    </rPh>
    <phoneticPr fontId="6"/>
  </si>
  <si>
    <t>介護予防訪問入浴介護</t>
    <rPh sb="0" eb="2">
      <t>カイゴ</t>
    </rPh>
    <rPh sb="2" eb="4">
      <t>ヨボウ</t>
    </rPh>
    <phoneticPr fontId="6"/>
  </si>
  <si>
    <t>介護予防通所介護</t>
    <rPh sb="0" eb="2">
      <t>カイゴ</t>
    </rPh>
    <rPh sb="2" eb="4">
      <t>ヨボウ</t>
    </rPh>
    <phoneticPr fontId="6"/>
  </si>
  <si>
    <t>介護予防短期入所生活介護</t>
    <rPh sb="0" eb="2">
      <t>カイゴ</t>
    </rPh>
    <rPh sb="2" eb="4">
      <t>ヨボウ</t>
    </rPh>
    <phoneticPr fontId="6"/>
  </si>
  <si>
    <t>介護予防訪問看護</t>
    <rPh sb="0" eb="2">
      <t>カイゴ</t>
    </rPh>
    <rPh sb="2" eb="4">
      <t>ヨボウ</t>
    </rPh>
    <phoneticPr fontId="6"/>
  </si>
  <si>
    <t>介護予防短期入所療養介護</t>
    <rPh sb="0" eb="2">
      <t>カイゴ</t>
    </rPh>
    <rPh sb="2" eb="4">
      <t>ヨボウ</t>
    </rPh>
    <phoneticPr fontId="6"/>
  </si>
  <si>
    <t>介護予防福祉用具貸与</t>
    <rPh sb="0" eb="2">
      <t>カイゴ</t>
    </rPh>
    <rPh sb="2" eb="4">
      <t>ヨボウ</t>
    </rPh>
    <phoneticPr fontId="6"/>
  </si>
  <si>
    <t>介護予防支援</t>
    <rPh sb="0" eb="2">
      <t>カイゴ</t>
    </rPh>
    <rPh sb="2" eb="4">
      <t>ヨボウ</t>
    </rPh>
    <rPh sb="4" eb="6">
      <t>シエン</t>
    </rPh>
    <phoneticPr fontId="6"/>
  </si>
  <si>
    <t>受付番号</t>
    <phoneticPr fontId="6"/>
  </si>
  <si>
    <t>　　知事　　殿</t>
    <phoneticPr fontId="6"/>
  </si>
  <si>
    <t>届　出　者</t>
    <phoneticPr fontId="6"/>
  </si>
  <si>
    <t>名　　称</t>
    <phoneticPr fontId="6"/>
  </si>
  <si>
    <t>　(郵便番号　　―　　　)</t>
    <phoneticPr fontId="6"/>
  </si>
  <si>
    <t>　　　　　県　　　　郡市</t>
    <phoneticPr fontId="6"/>
  </si>
  <si>
    <t>　(ビルの名称等)</t>
    <phoneticPr fontId="6"/>
  </si>
  <si>
    <t>連 絡 先</t>
    <phoneticPr fontId="6"/>
  </si>
  <si>
    <t>事業所の状況</t>
    <phoneticPr fontId="6"/>
  </si>
  <si>
    <t>同一所在地において行う　　　　　　　　　　　　　　　事業等の種類</t>
    <phoneticPr fontId="6"/>
  </si>
  <si>
    <t>変　更　前</t>
    <phoneticPr fontId="6"/>
  </si>
  <si>
    <t>　　5　「異動等の区分」欄には、今回届出を行う事業所について該当する数字に「〇」を記入してください。</t>
    <phoneticPr fontId="6"/>
  </si>
  <si>
    <t>事 業 所 番 号</t>
  </si>
  <si>
    <t>提供サービス</t>
  </si>
  <si>
    <t>人員配置区分</t>
  </si>
  <si>
    <t>そ　 　　の　 　　他　　 　該　　 　当　　 　す 　　　る 　　　体 　　　制 　　　等</t>
  </si>
  <si>
    <t>割 引</t>
  </si>
  <si>
    <t>各サービス共通</t>
  </si>
  <si>
    <t>地域区分</t>
  </si>
  <si>
    <t>特別地域加算</t>
  </si>
  <si>
    <t>特別管理体制</t>
  </si>
  <si>
    <t>職員の欠員による減算の状況</t>
  </si>
  <si>
    <t>送迎体制</t>
  </si>
  <si>
    <t>夜間勤務条件基準</t>
  </si>
  <si>
    <t>ユニットケア体制</t>
    <rPh sb="6" eb="8">
      <t>タイセイ</t>
    </rPh>
    <phoneticPr fontId="6"/>
  </si>
  <si>
    <t>機能訓練指導体制</t>
  </si>
  <si>
    <t>医師の配置基準</t>
  </si>
  <si>
    <t>特定診療費項目</t>
  </si>
  <si>
    <t>ﾘﾊﾋﾞﾘﾃｰｼｮﾝ提供体制</t>
  </si>
  <si>
    <t>療養環境基準</t>
  </si>
  <si>
    <t>運動器機能向上体制</t>
    <rPh sb="7" eb="9">
      <t>タイセイ</t>
    </rPh>
    <phoneticPr fontId="6"/>
  </si>
  <si>
    <t>事業所評価加算〔申出〕の有無</t>
    <rPh sb="0" eb="2">
      <t>ジギョウ</t>
    </rPh>
    <rPh sb="2" eb="3">
      <t>ショ</t>
    </rPh>
    <rPh sb="3" eb="5">
      <t>ヒョウカ</t>
    </rPh>
    <rPh sb="5" eb="7">
      <t>カサン</t>
    </rPh>
    <rPh sb="8" eb="9">
      <t>モウ</t>
    </rPh>
    <rPh sb="9" eb="10">
      <t>デ</t>
    </rPh>
    <rPh sb="12" eb="14">
      <t>ウム</t>
    </rPh>
    <phoneticPr fontId="6"/>
  </si>
  <si>
    <t>介護予防訪問看護</t>
  </si>
  <si>
    <t>　　　　　　　　　　＜厚生労働大臣が定める地域＞</t>
    <rPh sb="13" eb="15">
      <t>ロウドウ</t>
    </rPh>
    <phoneticPr fontId="6"/>
  </si>
  <si>
    <t>　　　　　　　　　　　厚生労働大臣が定める地域は、人口５万人未満の市町村であって次に掲げる地域をその区域内に有する市町村の区域とする。</t>
    <rPh sb="13" eb="15">
      <t>ロウドウ</t>
    </rPh>
    <phoneticPr fontId="6"/>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6"/>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6"/>
  </si>
  <si>
    <t>夜勤職員配置加算</t>
    <rPh sb="0" eb="2">
      <t>ヤキン</t>
    </rPh>
    <rPh sb="2" eb="4">
      <t>ショクイン</t>
    </rPh>
    <rPh sb="4" eb="6">
      <t>ハイチ</t>
    </rPh>
    <rPh sb="6" eb="8">
      <t>カサン</t>
    </rPh>
    <phoneticPr fontId="6"/>
  </si>
  <si>
    <t>療養食加算</t>
    <rPh sb="0" eb="2">
      <t>リョウヨウ</t>
    </rPh>
    <rPh sb="2" eb="3">
      <t>ショク</t>
    </rPh>
    <rPh sb="3" eb="5">
      <t>カサン</t>
    </rPh>
    <phoneticPr fontId="6"/>
  </si>
  <si>
    <t>ﾘﾊﾋﾞﾘﾃｰｼｮﾝ提供体制</t>
    <rPh sb="10" eb="12">
      <t>テイキョウ</t>
    </rPh>
    <rPh sb="12" eb="14">
      <t>タイセイ</t>
    </rPh>
    <phoneticPr fontId="6"/>
  </si>
  <si>
    <t>特別療養費加算項目</t>
    <rPh sb="0" eb="2">
      <t>トクベツ</t>
    </rPh>
    <rPh sb="2" eb="4">
      <t>リョウヨウ</t>
    </rPh>
    <rPh sb="4" eb="5">
      <t>ヒ</t>
    </rPh>
    <rPh sb="5" eb="7">
      <t>カサン</t>
    </rPh>
    <rPh sb="7" eb="9">
      <t>コウモク</t>
    </rPh>
    <phoneticPr fontId="6"/>
  </si>
  <si>
    <t>認知症専門ケア加算</t>
    <rPh sb="0" eb="3">
      <t>ニンチショウ</t>
    </rPh>
    <rPh sb="3" eb="5">
      <t>センモン</t>
    </rPh>
    <rPh sb="7" eb="9">
      <t>カサン</t>
    </rPh>
    <phoneticPr fontId="6"/>
  </si>
  <si>
    <t>設備基準</t>
    <rPh sb="0" eb="2">
      <t>セツビ</t>
    </rPh>
    <rPh sb="2" eb="4">
      <t>キジュン</t>
    </rPh>
    <phoneticPr fontId="6"/>
  </si>
  <si>
    <t>サービス提供体制強化加算</t>
    <rPh sb="4" eb="6">
      <t>テイキョウ</t>
    </rPh>
    <rPh sb="6" eb="8">
      <t>タイセイ</t>
    </rPh>
    <rPh sb="8" eb="10">
      <t>キョウカ</t>
    </rPh>
    <rPh sb="10" eb="12">
      <t>カサン</t>
    </rPh>
    <phoneticPr fontId="6"/>
  </si>
  <si>
    <t>緊急時介護予防訪問看護加算</t>
    <rPh sb="3" eb="5">
      <t>カイゴ</t>
    </rPh>
    <rPh sb="5" eb="7">
      <t>ヨボウ</t>
    </rPh>
    <phoneticPr fontId="6"/>
  </si>
  <si>
    <t>若年性認知症利用者受入加算</t>
    <rPh sb="0" eb="3">
      <t>ジャクネンセイ</t>
    </rPh>
    <rPh sb="3" eb="6">
      <t>ニンチショウ</t>
    </rPh>
    <rPh sb="6" eb="9">
      <t>リヨウシャ</t>
    </rPh>
    <rPh sb="9" eb="11">
      <t>ウケイレ</t>
    </rPh>
    <rPh sb="11" eb="13">
      <t>カサン</t>
    </rPh>
    <phoneticPr fontId="6"/>
  </si>
  <si>
    <t>　　　　（１）　看護職員、介護職員の欠員（看護師の配置割合が基準を満たしていない場合を含む。）…人員配置区分欄の最も配置基準の低い配置区分を選択し、「その他該当する体制等」欄の欠員該当職種を選択する。</t>
    <rPh sb="56" eb="57">
      <t>モット</t>
    </rPh>
    <rPh sb="58" eb="60">
      <t>ハイチ</t>
    </rPh>
    <rPh sb="60" eb="62">
      <t>キジュン</t>
    </rPh>
    <rPh sb="63" eb="64">
      <t>ヒク</t>
    </rPh>
    <phoneticPr fontId="6"/>
  </si>
  <si>
    <t>介護職員処遇改善加算</t>
    <rPh sb="0" eb="2">
      <t>カイゴ</t>
    </rPh>
    <rPh sb="2" eb="4">
      <t>ショクイン</t>
    </rPh>
    <rPh sb="4" eb="6">
      <t>ショグウ</t>
    </rPh>
    <rPh sb="6" eb="8">
      <t>カイゼン</t>
    </rPh>
    <rPh sb="8" eb="10">
      <t>カサン</t>
    </rPh>
    <phoneticPr fontId="6"/>
  </si>
  <si>
    <t>　　　適宜欄を補正して、全ての出張所等の状況について記載してください。</t>
    <phoneticPr fontId="6"/>
  </si>
  <si>
    <t>　　2　「法人である場合その種別」欄は、申請者が法人である場合に、「社会福祉法人」「医療法人」「社団法人」</t>
    <rPh sb="10" eb="12">
      <t>バアイ</t>
    </rPh>
    <phoneticPr fontId="6"/>
  </si>
  <si>
    <t>　　　「財団法人」「株式会社」「有限会社」等の別を記入してください。</t>
    <rPh sb="7" eb="8">
      <t>ジン</t>
    </rPh>
    <rPh sb="10" eb="12">
      <t>カブシキ</t>
    </rPh>
    <rPh sb="12" eb="14">
      <t>カイシャ</t>
    </rPh>
    <phoneticPr fontId="6"/>
  </si>
  <si>
    <t>　　9　「主たる事業所の所在地以外の場所で一部実施する場合の出張所等の所在地」について、複数の出張所等を有する場合は、</t>
    <phoneticPr fontId="6"/>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6"/>
  </si>
  <si>
    <t>主たる事業所の所在地</t>
    <rPh sb="3" eb="6">
      <t>ジギョウショ</t>
    </rPh>
    <phoneticPr fontId="6"/>
  </si>
  <si>
    <t>　　3　「法人所轄庁」欄は、申請者が認可法人である場合に、その主務官庁の名称を記載してください。</t>
    <phoneticPr fontId="6"/>
  </si>
  <si>
    <t>個別機能訓練体制</t>
    <rPh sb="0" eb="2">
      <t>コベツ</t>
    </rPh>
    <rPh sb="2" eb="4">
      <t>キノウ</t>
    </rPh>
    <rPh sb="4" eb="6">
      <t>クンレン</t>
    </rPh>
    <rPh sb="6" eb="8">
      <t>タイセイ</t>
    </rPh>
    <phoneticPr fontId="6"/>
  </si>
  <si>
    <t>看護体制強化加算</t>
    <rPh sb="0" eb="2">
      <t>カンゴ</t>
    </rPh>
    <rPh sb="2" eb="4">
      <t>タイセイ</t>
    </rPh>
    <rPh sb="4" eb="6">
      <t>キョウカ</t>
    </rPh>
    <rPh sb="6" eb="8">
      <t>カサン</t>
    </rPh>
    <phoneticPr fontId="6"/>
  </si>
  <si>
    <t>選択的サービス複数実施加算</t>
    <rPh sb="0" eb="3">
      <t>センタクテキ</t>
    </rPh>
    <rPh sb="7" eb="9">
      <t>フクスウ</t>
    </rPh>
    <rPh sb="9" eb="11">
      <t>ジッシ</t>
    </rPh>
    <rPh sb="11" eb="13">
      <t>カサン</t>
    </rPh>
    <phoneticPr fontId="6"/>
  </si>
  <si>
    <t>（別紙●）</t>
    <rPh sb="1" eb="3">
      <t>ベッシ</t>
    </rPh>
    <phoneticPr fontId="6"/>
  </si>
  <si>
    <t>特別地域加算</t>
    <rPh sb="0" eb="2">
      <t>トクベツ</t>
    </rPh>
    <rPh sb="2" eb="4">
      <t>チイキ</t>
    </rPh>
    <rPh sb="4" eb="6">
      <t>カサン</t>
    </rPh>
    <phoneticPr fontId="6"/>
  </si>
  <si>
    <t>従業者の勤務の体制及び勤務形態一覧表　（　　　　年　　　月分）</t>
    <phoneticPr fontId="6"/>
  </si>
  <si>
    <t>サービス種類（　　　　　　　　　　　　　　　　　　　　　）</t>
    <phoneticPr fontId="6"/>
  </si>
  <si>
    <t>事業所・施設名（　　　　　　　　　　　　　　　　　　　　）</t>
    <phoneticPr fontId="6"/>
  </si>
  <si>
    <t>「人員配置区分―　　型」又は「該当する体制等―　　　　　」</t>
    <phoneticPr fontId="6"/>
  </si>
  <si>
    <t>［入所（利用）定員（見込）数等　　　　　名］</t>
    <phoneticPr fontId="6"/>
  </si>
  <si>
    <t>職　種</t>
    <phoneticPr fontId="6"/>
  </si>
  <si>
    <t>勤務　　　　　　　　　　形態</t>
    <phoneticPr fontId="6"/>
  </si>
  <si>
    <t>氏　名</t>
    <phoneticPr fontId="6"/>
  </si>
  <si>
    <t>4週の　　　　　　　　　　合計</t>
    <phoneticPr fontId="6"/>
  </si>
  <si>
    <t>週平均　　　　　　　　　の勤務　　　　　　　　　　　　　時間</t>
    <phoneticPr fontId="6"/>
  </si>
  <si>
    <t>（記載例―1）</t>
    <phoneticPr fontId="6"/>
  </si>
  <si>
    <t>（記載例―2）</t>
    <phoneticPr fontId="6"/>
  </si>
  <si>
    <t>　（　　　　：　　　　)</t>
    <phoneticPr fontId="6"/>
  </si>
  <si>
    <t>備考1　＊欄には、当該月の曜日を記入してください。</t>
    <phoneticPr fontId="6"/>
  </si>
  <si>
    <t>　　2　「人員配置区分」又は「該当する体制等」欄には、別紙「介護給付費算定に係る体制等状況一覧表」に掲げる人員配置区分の類型又は該当する</t>
    <phoneticPr fontId="6"/>
  </si>
  <si>
    <t>　　　体制加算の内容をそのまま記載してください。</t>
    <phoneticPr fontId="6"/>
  </si>
  <si>
    <t>　　3　届出を行う従業者について、4週間分の勤務すべき時間数を記入してください。勤務時間ごとあるいはサービス提供時間単位ごとに区分して</t>
    <phoneticPr fontId="6"/>
  </si>
  <si>
    <t>　　　番号を付し、その番号を記入してください。</t>
    <phoneticPr fontId="6"/>
  </si>
  <si>
    <t>　　　　（記載例1―勤務時間 ①8：30～17：00、②16：30～1：00、③0：30～9：00、④休日）</t>
    <phoneticPr fontId="6"/>
  </si>
  <si>
    <t>　　　　（記載例2―サービス提供時間 a 9：00～12：00、b 13：00～16：00、c 10：30～13：30、d 14：30～17：30、e 休日）</t>
    <phoneticPr fontId="6"/>
  </si>
  <si>
    <t>　　　　　※複数単位実施の場合、その全てを記入のこと。</t>
    <phoneticPr fontId="6"/>
  </si>
  <si>
    <t>　　4　届出する従業者の職種ごとに下記の勤務形態の区分の順にまとめて記載し、「週平均の勤務時間」については、職種ごとのAの小計と、</t>
    <phoneticPr fontId="6"/>
  </si>
  <si>
    <t>　　　Ｂ～Ｄまでを加えた数の小計の行を挿入してください。</t>
    <phoneticPr fontId="6"/>
  </si>
  <si>
    <t>　　　　　勤務形態の区分　Ａ：常勤で専従　Ｂ：常勤で兼務　Ｃ：常勤以外で専従　Ｄ：常勤以外で兼務</t>
    <phoneticPr fontId="6"/>
  </si>
  <si>
    <t>　　5　常勤換算が必要なものについては、Ａ～Ｄの「週平均の勤務時間」をすべて足し、常勤の従業者が週に勤務すべき時間数で割って、</t>
    <phoneticPr fontId="6"/>
  </si>
  <si>
    <t>　　　「常勤換算後の人数」を算出してください。</t>
    <phoneticPr fontId="6"/>
  </si>
  <si>
    <t>　　　勤務形態、氏名、当該業務の勤務時間及び看護職員と介護職員の配置状況(関係する場合)が確認できる場合はその書類をもって添付書類として</t>
    <phoneticPr fontId="6"/>
  </si>
  <si>
    <t>　　　差し支えありません。</t>
    <phoneticPr fontId="6"/>
  </si>
  <si>
    <t>介護予防居宅療養管理指導</t>
    <rPh sb="0" eb="2">
      <t>カイゴ</t>
    </rPh>
    <rPh sb="2" eb="4">
      <t>ヨボウ</t>
    </rPh>
    <rPh sb="4" eb="6">
      <t>キョタク</t>
    </rPh>
    <rPh sb="6" eb="8">
      <t>リョウヨウ</t>
    </rPh>
    <rPh sb="8" eb="10">
      <t>カンリ</t>
    </rPh>
    <rPh sb="10" eb="12">
      <t>シドウ</t>
    </rPh>
    <phoneticPr fontId="6"/>
  </si>
  <si>
    <t>生活機能向上連携加算</t>
    <rPh sb="0" eb="2">
      <t>セイカツ</t>
    </rPh>
    <rPh sb="2" eb="4">
      <t>キノウ</t>
    </rPh>
    <rPh sb="4" eb="6">
      <t>コウジョウ</t>
    </rPh>
    <rPh sb="6" eb="8">
      <t>レンケイ</t>
    </rPh>
    <rPh sb="8" eb="10">
      <t>カサン</t>
    </rPh>
    <phoneticPr fontId="6"/>
  </si>
  <si>
    <t>食堂の有無</t>
    <rPh sb="0" eb="2">
      <t>ショクドウ</t>
    </rPh>
    <rPh sb="3" eb="5">
      <t>ウム</t>
    </rPh>
    <phoneticPr fontId="6"/>
  </si>
  <si>
    <t>生活相談員配置等加算</t>
    <rPh sb="7" eb="8">
      <t>トウ</t>
    </rPh>
    <phoneticPr fontId="6"/>
  </si>
  <si>
    <t>特別診療費項目</t>
    <rPh sb="0" eb="1">
      <t>トク</t>
    </rPh>
    <rPh sb="1" eb="2">
      <t>ベツ</t>
    </rPh>
    <phoneticPr fontId="6"/>
  </si>
  <si>
    <t>３　特別介護医療院</t>
    <rPh sb="2" eb="4">
      <t>トクベツ</t>
    </rPh>
    <rPh sb="4" eb="6">
      <t>カイゴ</t>
    </rPh>
    <rPh sb="6" eb="8">
      <t>イリョウ</t>
    </rPh>
    <rPh sb="8" eb="9">
      <t>イン</t>
    </rPh>
    <phoneticPr fontId="6"/>
  </si>
  <si>
    <t>共生型サービスの提供
（短期入所事業所）</t>
    <rPh sb="0" eb="3">
      <t>キョウセイガタ</t>
    </rPh>
    <rPh sb="8" eb="10">
      <t>テイキョウ</t>
    </rPh>
    <rPh sb="12" eb="14">
      <t>タンキ</t>
    </rPh>
    <rPh sb="14" eb="16">
      <t>ニュウショ</t>
    </rPh>
    <rPh sb="16" eb="19">
      <t>ジギョウショ</t>
    </rPh>
    <phoneticPr fontId="6"/>
  </si>
  <si>
    <t>療養環境基準（廊下）</t>
    <rPh sb="7" eb="9">
      <t>ロウカ</t>
    </rPh>
    <phoneticPr fontId="6"/>
  </si>
  <si>
    <t>療養環境基準（療養室）</t>
    <rPh sb="7" eb="10">
      <t>リョウヨウシツ</t>
    </rPh>
    <phoneticPr fontId="6"/>
  </si>
  <si>
    <t>生活行為向上ﾘﾊﾋﾞﾘﾃｰｼｮﾝ実施加算</t>
    <rPh sb="0" eb="2">
      <t>セイカツ</t>
    </rPh>
    <rPh sb="2" eb="4">
      <t>コウイ</t>
    </rPh>
    <rPh sb="4" eb="6">
      <t>コウジョウ</t>
    </rPh>
    <rPh sb="16" eb="18">
      <t>ジッシ</t>
    </rPh>
    <rPh sb="18" eb="20">
      <t>カサン</t>
    </rPh>
    <phoneticPr fontId="6"/>
  </si>
  <si>
    <t xml:space="preserve">              　　　　（人員配置区分欄の変更は行わない。）</t>
  </si>
  <si>
    <t>　　　　　　　　　　ただし、事業所・施設が以下の地域に所在する場合は、「その他該当する体制等」欄のみ選択する。（人員配置区分欄の変更は行わない。）</t>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医師の配置」…医師、「夜間勤務条件基準」…夜勤を行う看護師（准看護師）と介護職員の配置状況　等</t>
  </si>
  <si>
    <t>　　　　（２）　ア　医師（病院において従事する者を除く。）、理学療法士、作業療法士、介護従事者の欠員…「その他該当する体制等」欄の欠員該当職種のみ選択する。</t>
  </si>
  <si>
    <t>療養体制維持特別加算Ⅱ</t>
    <rPh sb="0" eb="10">
      <t>リョウヨウタイセイイジトクベツカサン</t>
    </rPh>
    <phoneticPr fontId="6"/>
  </si>
  <si>
    <t>療養体制維持特別加算Ⅰ</t>
    <rPh sb="0" eb="10">
      <t>リョウヨウタイセイイジトクベツカサン</t>
    </rPh>
    <phoneticPr fontId="6"/>
  </si>
  <si>
    <t>そ　 　　の　 　　他　　 　該　　 　当　　 　す 　　　る 　　　体 　　　制 　　　等</t>
    <phoneticPr fontId="6"/>
  </si>
  <si>
    <t>事業所評価加算〔申出〕の有無</t>
    <phoneticPr fontId="6"/>
  </si>
  <si>
    <t>備考　１　この表は、事業所所在地以外の場所で一部事業を実施する出張所等がある場合について記載することとし、複数出張所等を有する場合は出張所ごとに提出してください。</t>
    <phoneticPr fontId="6"/>
  </si>
  <si>
    <t>職員の欠員による減算の状況</t>
    <phoneticPr fontId="6"/>
  </si>
  <si>
    <t>夜間勤務条件基準</t>
    <phoneticPr fontId="6"/>
  </si>
  <si>
    <t>生活機能向上連携加算</t>
    <phoneticPr fontId="6"/>
  </si>
  <si>
    <t>認知症専門ケア加算</t>
    <phoneticPr fontId="6"/>
  </si>
  <si>
    <t>１　病院療養型</t>
    <phoneticPr fontId="6"/>
  </si>
  <si>
    <t>６　ユニット型病院療養型</t>
    <phoneticPr fontId="6"/>
  </si>
  <si>
    <t>２　診療所型</t>
    <phoneticPr fontId="6"/>
  </si>
  <si>
    <t>５　ユニット型Ⅱ型介護医療院</t>
    <phoneticPr fontId="6"/>
  </si>
  <si>
    <t>身体拘束廃止取組の有無</t>
    <phoneticPr fontId="6"/>
  </si>
  <si>
    <t>若年性認知症入居者受入加算</t>
    <phoneticPr fontId="6"/>
  </si>
  <si>
    <t>サービス提供体制強化加算</t>
    <phoneticPr fontId="6"/>
  </si>
  <si>
    <r>
      <t>介 護 給 付 費 算 定 に 係 る 体 制 等 状 況 一 覧 表</t>
    </r>
    <r>
      <rPr>
        <sz val="14"/>
        <rFont val="HGSｺﾞｼｯｸM"/>
        <family val="3"/>
        <charset val="128"/>
      </rPr>
      <t>（主たる事業所の所在地以外の場所で一部実施する場合の出張所等の状況）</t>
    </r>
    <phoneticPr fontId="6"/>
  </si>
  <si>
    <t>（別紙１－２）</t>
    <phoneticPr fontId="6"/>
  </si>
  <si>
    <t>２　Ⅱ型介護医療院</t>
    <phoneticPr fontId="6"/>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t>
    <rPh sb="94" eb="96">
      <t>ハイチ</t>
    </rPh>
    <rPh sb="96" eb="98">
      <t>キジュン</t>
    </rPh>
    <rPh sb="99" eb="100">
      <t>ヒク</t>
    </rPh>
    <phoneticPr fontId="6"/>
  </si>
  <si>
    <t>介 護 給 付 費 算 定 に 係 る 体 制 等 状 況 一 覧 表 （介護予防サービス）</t>
    <rPh sb="37" eb="38">
      <t>スケ</t>
    </rPh>
    <rPh sb="38" eb="39">
      <t>ユズル</t>
    </rPh>
    <rPh sb="39" eb="40">
      <t>ヨ</t>
    </rPh>
    <rPh sb="40" eb="41">
      <t>ボウ</t>
    </rPh>
    <phoneticPr fontId="6"/>
  </si>
  <si>
    <t>１　Ⅰ型介護医療院</t>
    <phoneticPr fontId="6"/>
  </si>
  <si>
    <t>科学的介護推進体制加算</t>
    <rPh sb="0" eb="3">
      <t>カガクテキ</t>
    </rPh>
    <rPh sb="3" eb="5">
      <t>カイゴ</t>
    </rPh>
    <rPh sb="5" eb="7">
      <t>スイシン</t>
    </rPh>
    <rPh sb="7" eb="9">
      <t>タイセイ</t>
    </rPh>
    <rPh sb="9" eb="11">
      <t>カサン</t>
    </rPh>
    <phoneticPr fontId="6"/>
  </si>
  <si>
    <t>口腔機能向上加算</t>
    <rPh sb="6" eb="8">
      <t>カサン</t>
    </rPh>
    <phoneticPr fontId="6"/>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6"/>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6"/>
  </si>
  <si>
    <t>介護予防短期入所療養介護</t>
    <phoneticPr fontId="6"/>
  </si>
  <si>
    <t>在宅復帰・在宅療養支援機能加算</t>
    <phoneticPr fontId="6"/>
  </si>
  <si>
    <t>４　ユニット型Ⅰ型介護医療院</t>
    <phoneticPr fontId="6"/>
  </si>
  <si>
    <t>　　　　　　（例）－「機能訓練指導体制」…機能訓練指導員、「リハビリテーションの加算状況」…リハビリテーション従事者、</t>
    <phoneticPr fontId="6"/>
  </si>
  <si>
    <t>　　　　　　　　選択する。（（１）が優先する。）</t>
    <phoneticPr fontId="6"/>
  </si>
  <si>
    <t>併設本体施設における介護職員等特定処遇改善加算Ⅰの届出状況</t>
    <phoneticPr fontId="6"/>
  </si>
  <si>
    <t>備考　（別紙１－２）介護予防サービス</t>
    <rPh sb="0" eb="2">
      <t>ビコウ</t>
    </rPh>
    <rPh sb="10" eb="12">
      <t>カイゴ</t>
    </rPh>
    <rPh sb="12" eb="14">
      <t>ヨボウ</t>
    </rPh>
    <phoneticPr fontId="6"/>
  </si>
  <si>
    <t>（再掲）
夜勤職員</t>
    <rPh sb="1" eb="3">
      <t>サイケイ</t>
    </rPh>
    <rPh sb="5" eb="7">
      <t>ヤキン</t>
    </rPh>
    <rPh sb="7" eb="9">
      <t>ショクイン</t>
    </rPh>
    <phoneticPr fontId="6"/>
  </si>
  <si>
    <t>１日の夜勤の合計時間</t>
    <rPh sb="1" eb="2">
      <t>ニチ</t>
    </rPh>
    <rPh sb="3" eb="5">
      <t>ヤキン</t>
    </rPh>
    <rPh sb="6" eb="8">
      <t>ゴウケイ</t>
    </rPh>
    <rPh sb="8" eb="10">
      <t>ジカン</t>
    </rPh>
    <phoneticPr fontId="6"/>
  </si>
  <si>
    <t>常勤換算後の人数
（16h換算）</t>
    <rPh sb="0" eb="2">
      <t>ジョウキン</t>
    </rPh>
    <rPh sb="2" eb="4">
      <t>カンザン</t>
    </rPh>
    <rPh sb="4" eb="5">
      <t>ウシ</t>
    </rPh>
    <rPh sb="6" eb="8">
      <t>ニンズウ</t>
    </rPh>
    <rPh sb="13" eb="15">
      <t>カンザン</t>
    </rPh>
    <phoneticPr fontId="6"/>
  </si>
  <si>
    <t>LIFEへの登録</t>
    <rPh sb="6" eb="8">
      <t>トウロク</t>
    </rPh>
    <phoneticPr fontId="6"/>
  </si>
  <si>
    <t>サービス提供体制強化加算
（単独型）</t>
    <rPh sb="4" eb="6">
      <t>テイキョウ</t>
    </rPh>
    <rPh sb="6" eb="8">
      <t>タイセイ</t>
    </rPh>
    <rPh sb="8" eb="10">
      <t>キョウカ</t>
    </rPh>
    <rPh sb="10" eb="12">
      <t>カサン</t>
    </rPh>
    <rPh sb="14" eb="17">
      <t>タンドクガタ</t>
    </rPh>
    <phoneticPr fontId="6"/>
  </si>
  <si>
    <t>個別機能訓練加算</t>
    <rPh sb="0" eb="2">
      <t>コベツ</t>
    </rPh>
    <rPh sb="6" eb="8">
      <t>カサン</t>
    </rPh>
    <phoneticPr fontId="6"/>
  </si>
  <si>
    <t>栄養アセスメント・栄養改善体制</t>
    <phoneticPr fontId="6"/>
  </si>
  <si>
    <t>サービス提供体制強化加算
（併設型、空床型）</t>
    <rPh sb="4" eb="6">
      <t>テイキョウ</t>
    </rPh>
    <rPh sb="6" eb="8">
      <t>タイセイ</t>
    </rPh>
    <rPh sb="8" eb="10">
      <t>キョウカ</t>
    </rPh>
    <rPh sb="10" eb="12">
      <t>カサン</t>
    </rPh>
    <rPh sb="18" eb="20">
      <t>クウショウ</t>
    </rPh>
    <rPh sb="20" eb="21">
      <t>ガタ</t>
    </rPh>
    <phoneticPr fontId="6"/>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6"/>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6"/>
  </si>
  <si>
    <t>　　　また、別添の「テクノロジーを導入する場合の夜間の人員配置基準（従来型）に係る届出書」を添付してください。</t>
    <rPh sb="6" eb="8">
      <t>ベッテン</t>
    </rPh>
    <rPh sb="17" eb="19">
      <t>ドウニュウ</t>
    </rPh>
    <rPh sb="21" eb="23">
      <t>バアイ</t>
    </rPh>
    <rPh sb="24" eb="26">
      <t>ヤカン</t>
    </rPh>
    <rPh sb="27" eb="29">
      <t>ジンイン</t>
    </rPh>
    <rPh sb="29" eb="31">
      <t>ハイチ</t>
    </rPh>
    <rPh sb="31" eb="33">
      <t>キジュン</t>
    </rPh>
    <rPh sb="34" eb="37">
      <t>ジュウライガタ</t>
    </rPh>
    <rPh sb="39" eb="40">
      <t>カカ</t>
    </rPh>
    <rPh sb="41" eb="42">
      <t>トド</t>
    </rPh>
    <rPh sb="42" eb="43">
      <t>ダ</t>
    </rPh>
    <rPh sb="43" eb="44">
      <t>カ</t>
    </rPh>
    <rPh sb="46" eb="48">
      <t>テンプ</t>
    </rPh>
    <phoneticPr fontId="6"/>
  </si>
  <si>
    <t>　　7　算出にあたっては、小数点以下第2位を切り捨ててください。</t>
    <phoneticPr fontId="6"/>
  </si>
  <si>
    <t>　　8　当該事業所・施設に係る組織体制図を添付してください。</t>
    <phoneticPr fontId="6"/>
  </si>
  <si>
    <t>　　9　各事業所・施設において使用している勤務割表等（変更の届出の場合は変更後の予定勤務割表等）により、届出の対象となる従業者の職種、</t>
    <phoneticPr fontId="6"/>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6"/>
  </si>
  <si>
    <t>１　１級地</t>
  </si>
  <si>
    <t>６　２級地</t>
  </si>
  <si>
    <t>７　３級地</t>
  </si>
  <si>
    <t>２　４級地</t>
  </si>
  <si>
    <t>３　５級地</t>
  </si>
  <si>
    <t>４　６級地</t>
  </si>
  <si>
    <t>９　７級地</t>
  </si>
  <si>
    <t>５　その他</t>
  </si>
  <si>
    <t>１　なし</t>
  </si>
  <si>
    <t>１ なし</t>
    <phoneticPr fontId="6"/>
  </si>
  <si>
    <t>２ 加算Ⅰ</t>
    <phoneticPr fontId="6"/>
  </si>
  <si>
    <t>３ 加算Ⅱ</t>
    <phoneticPr fontId="6"/>
  </si>
  <si>
    <t>２　あり</t>
  </si>
  <si>
    <t>１　非該当</t>
    <phoneticPr fontId="6"/>
  </si>
  <si>
    <t>２　該当</t>
  </si>
  <si>
    <t>６ 加算Ⅰ</t>
    <phoneticPr fontId="6"/>
  </si>
  <si>
    <t>５ 加算Ⅱ</t>
    <phoneticPr fontId="6"/>
  </si>
  <si>
    <t>２ 加算Ⅲ</t>
    <phoneticPr fontId="6"/>
  </si>
  <si>
    <t>４ 加算Ⅰ</t>
    <phoneticPr fontId="6"/>
  </si>
  <si>
    <t>５ 加算Ⅲ</t>
    <phoneticPr fontId="6"/>
  </si>
  <si>
    <t>１ 対応不可</t>
    <rPh sb="2" eb="4">
      <t>タイオウ</t>
    </rPh>
    <rPh sb="4" eb="6">
      <t>フカ</t>
    </rPh>
    <phoneticPr fontId="6"/>
  </si>
  <si>
    <t>２ 対応可</t>
    <phoneticPr fontId="6"/>
  </si>
  <si>
    <t>２ あり</t>
    <phoneticPr fontId="6"/>
  </si>
  <si>
    <t>３ 加算Ⅰ</t>
    <phoneticPr fontId="6"/>
  </si>
  <si>
    <t>２ 加算Ⅱ</t>
    <phoneticPr fontId="6"/>
  </si>
  <si>
    <t>２　病院又は診療所</t>
  </si>
  <si>
    <t>１　訪問看護ステーション</t>
  </si>
  <si>
    <t>４ 加算Ⅱ</t>
    <phoneticPr fontId="6"/>
  </si>
  <si>
    <t>２　介護老人保健施設</t>
  </si>
  <si>
    <t>３　介護医療院</t>
  </si>
  <si>
    <t>２ 看護職員</t>
    <rPh sb="2" eb="4">
      <t>カンゴ</t>
    </rPh>
    <rPh sb="4" eb="6">
      <t>ショクイン</t>
    </rPh>
    <phoneticPr fontId="6"/>
  </si>
  <si>
    <t>３ 介護職員</t>
    <rPh sb="2" eb="4">
      <t>カイゴ</t>
    </rPh>
    <rPh sb="4" eb="6">
      <t>ショクイン</t>
    </rPh>
    <phoneticPr fontId="6"/>
  </si>
  <si>
    <t>７ 加算Ⅲ</t>
    <phoneticPr fontId="6"/>
  </si>
  <si>
    <t>２ 医師</t>
    <rPh sb="2" eb="4">
      <t>イシ</t>
    </rPh>
    <phoneticPr fontId="6"/>
  </si>
  <si>
    <t>３ 看護職員</t>
    <rPh sb="2" eb="4">
      <t>カンゴ</t>
    </rPh>
    <rPh sb="4" eb="6">
      <t>ショクイン</t>
    </rPh>
    <phoneticPr fontId="6"/>
  </si>
  <si>
    <t>４ 介護職員</t>
    <rPh sb="2" eb="4">
      <t>カイゴ</t>
    </rPh>
    <rPh sb="4" eb="6">
      <t>ショクイン</t>
    </rPh>
    <phoneticPr fontId="6"/>
  </si>
  <si>
    <t>５ 理学療法士</t>
    <rPh sb="2" eb="4">
      <t>リガク</t>
    </rPh>
    <rPh sb="4" eb="7">
      <t>リョウホウシ</t>
    </rPh>
    <phoneticPr fontId="6"/>
  </si>
  <si>
    <t>６ 作業療法士</t>
    <rPh sb="2" eb="4">
      <t>サギョウ</t>
    </rPh>
    <rPh sb="4" eb="7">
      <t>リョウホウシ</t>
    </rPh>
    <phoneticPr fontId="6"/>
  </si>
  <si>
    <t>７ 言語聴覚士</t>
    <rPh sb="2" eb="4">
      <t>ゲンゴ</t>
    </rPh>
    <rPh sb="4" eb="7">
      <t>チョウカクシ</t>
    </rPh>
    <phoneticPr fontId="6"/>
  </si>
  <si>
    <t>５ 加算Ⅰ</t>
    <phoneticPr fontId="6"/>
  </si>
  <si>
    <t>６ 加算Ⅲ</t>
    <phoneticPr fontId="6"/>
  </si>
  <si>
    <t>１ 基準型</t>
    <rPh sb="2" eb="4">
      <t>キジュン</t>
    </rPh>
    <rPh sb="4" eb="5">
      <t>ガタ</t>
    </rPh>
    <phoneticPr fontId="6"/>
  </si>
  <si>
    <t>６ 減算型</t>
    <rPh sb="2" eb="4">
      <t>ゲンサン</t>
    </rPh>
    <rPh sb="4" eb="5">
      <t>ガタ</t>
    </rPh>
    <phoneticPr fontId="6"/>
  </si>
  <si>
    <t>６ 加算Ⅰ</t>
    <rPh sb="2" eb="4">
      <t>カサン</t>
    </rPh>
    <phoneticPr fontId="6"/>
  </si>
  <si>
    <t>５ 加算Ⅱ</t>
    <rPh sb="2" eb="4">
      <t>カサン</t>
    </rPh>
    <phoneticPr fontId="6"/>
  </si>
  <si>
    <t>７ 加算Ⅲ</t>
    <rPh sb="2" eb="4">
      <t>カサン</t>
    </rPh>
    <phoneticPr fontId="6"/>
  </si>
  <si>
    <t>１　単独型</t>
  </si>
  <si>
    <t>２　併設型・空床型</t>
  </si>
  <si>
    <t>３　単独型ユニット型</t>
  </si>
  <si>
    <t>４　併設型・空床型ユニット型</t>
  </si>
  <si>
    <t>１　基本型</t>
  </si>
  <si>
    <t>２　在宅強化型</t>
  </si>
  <si>
    <t>１　介護老人保健施設（Ⅰ）</t>
  </si>
  <si>
    <t>２　ユニット型介護老人保健施設（Ⅰ）</t>
  </si>
  <si>
    <t>１ 言語聴覚療法</t>
    <rPh sb="2" eb="4">
      <t>ゲンゴ</t>
    </rPh>
    <rPh sb="4" eb="6">
      <t>チョウカク</t>
    </rPh>
    <rPh sb="6" eb="8">
      <t>リョウホウ</t>
    </rPh>
    <phoneticPr fontId="6"/>
  </si>
  <si>
    <t>２ 精神科作業療法</t>
    <rPh sb="2" eb="5">
      <t>セイシンカ</t>
    </rPh>
    <rPh sb="5" eb="7">
      <t>サギョウ</t>
    </rPh>
    <rPh sb="7" eb="9">
      <t>リョウホウ</t>
    </rPh>
    <phoneticPr fontId="6"/>
  </si>
  <si>
    <t>３ その他</t>
    <rPh sb="4" eb="5">
      <t>タ</t>
    </rPh>
    <phoneticPr fontId="6"/>
  </si>
  <si>
    <t>１ 重症皮膚潰瘍管理指導</t>
    <phoneticPr fontId="6"/>
  </si>
  <si>
    <t>２ 薬剤管理指導</t>
    <phoneticPr fontId="6"/>
  </si>
  <si>
    <t>５　介護老人保健施設（Ⅱ）</t>
  </si>
  <si>
    <t>６　ユニット型介護老人保健施設（Ⅱ）</t>
  </si>
  <si>
    <t>７　介護老人保健施設（Ⅲ）</t>
  </si>
  <si>
    <t>８　ユニット型介護老人保健施設（Ⅲ）</t>
  </si>
  <si>
    <t>９　介護老人保健施設（Ⅳ）</t>
  </si>
  <si>
    <t>Ａ　ユニット型介護老人保健施設（Ⅳ）</t>
  </si>
  <si>
    <t>２ 加算型Ⅰ</t>
    <rPh sb="2" eb="4">
      <t>カサン</t>
    </rPh>
    <rPh sb="4" eb="5">
      <t>ガタ</t>
    </rPh>
    <phoneticPr fontId="6"/>
  </si>
  <si>
    <t>３ 加算型Ⅱ</t>
    <rPh sb="2" eb="4">
      <t>カサン</t>
    </rPh>
    <rPh sb="4" eb="5">
      <t>ガタ</t>
    </rPh>
    <phoneticPr fontId="6"/>
  </si>
  <si>
    <t>７ 加算型Ⅲ</t>
    <rPh sb="2" eb="4">
      <t>カサン</t>
    </rPh>
    <rPh sb="4" eb="5">
      <t>ガタ</t>
    </rPh>
    <phoneticPr fontId="6"/>
  </si>
  <si>
    <t>５ 加算型Ⅳ</t>
    <rPh sb="2" eb="4">
      <t>カサン</t>
    </rPh>
    <rPh sb="4" eb="5">
      <t>ガタ</t>
    </rPh>
    <phoneticPr fontId="6"/>
  </si>
  <si>
    <t>２ 減算型</t>
    <rPh sb="2" eb="4">
      <t>ゲンサン</t>
    </rPh>
    <rPh sb="4" eb="5">
      <t>ガタ</t>
    </rPh>
    <phoneticPr fontId="6"/>
  </si>
  <si>
    <t>２ 医療法施行規則第49条適用</t>
    <rPh sb="2" eb="4">
      <t>イリョウ</t>
    </rPh>
    <rPh sb="4" eb="5">
      <t>ホウ</t>
    </rPh>
    <rPh sb="5" eb="7">
      <t>シコウ</t>
    </rPh>
    <rPh sb="7" eb="9">
      <t>キソク</t>
    </rPh>
    <rPh sb="9" eb="10">
      <t>ダイ</t>
    </rPh>
    <rPh sb="12" eb="13">
      <t>ジョウ</t>
    </rPh>
    <rPh sb="13" eb="15">
      <t>テキヨウ</t>
    </rPh>
    <phoneticPr fontId="6"/>
  </si>
  <si>
    <t>３ 集団コミュニケーション療法</t>
    <phoneticPr fontId="6"/>
  </si>
  <si>
    <t>２ 理学療法Ⅰ</t>
    <rPh sb="2" eb="4">
      <t>リガク</t>
    </rPh>
    <rPh sb="4" eb="6">
      <t>リョウホウ</t>
    </rPh>
    <phoneticPr fontId="6"/>
  </si>
  <si>
    <t>３ 作業療法</t>
    <rPh sb="2" eb="4">
      <t>サギョウ</t>
    </rPh>
    <rPh sb="4" eb="6">
      <t>リョウホウ</t>
    </rPh>
    <phoneticPr fontId="6"/>
  </si>
  <si>
    <t>４ 言語聴覚療法</t>
    <rPh sb="2" eb="4">
      <t>ゲンゴ</t>
    </rPh>
    <rPh sb="4" eb="6">
      <t>チョウカク</t>
    </rPh>
    <rPh sb="6" eb="8">
      <t>リョウホウ</t>
    </rPh>
    <phoneticPr fontId="6"/>
  </si>
  <si>
    <t>５ 精神科作業療法</t>
    <rPh sb="2" eb="5">
      <t>セイシンカ</t>
    </rPh>
    <rPh sb="5" eb="7">
      <t>サギョウ</t>
    </rPh>
    <rPh sb="7" eb="9">
      <t>リョウホウ</t>
    </rPh>
    <phoneticPr fontId="6"/>
  </si>
  <si>
    <t>６ その他</t>
    <rPh sb="4" eb="5">
      <t>タ</t>
    </rPh>
    <phoneticPr fontId="6"/>
  </si>
  <si>
    <t>２　Ⅰ型（療養機能</t>
  </si>
  <si>
    <t>　　強化型以外）</t>
  </si>
  <si>
    <t>５　Ⅰ型（療養機能</t>
  </si>
  <si>
    <t>　　強化型Ａ）</t>
  </si>
  <si>
    <t>６　Ⅰ型（療養機能</t>
  </si>
  <si>
    <t>　　強化型Ｂ）</t>
  </si>
  <si>
    <t>３　Ⅱ型（療養機能</t>
  </si>
  <si>
    <t>７　Ⅱ型（療養機能</t>
  </si>
  <si>
    <t>　　強化型）</t>
  </si>
  <si>
    <t>４　Ⅲ型</t>
  </si>
  <si>
    <t>１　療養機能</t>
  </si>
  <si>
    <t>　　強化型以外</t>
  </si>
  <si>
    <t>２　療養機能</t>
  </si>
  <si>
    <t>　　強化型Ａ</t>
  </si>
  <si>
    <t>３　療養機能</t>
  </si>
  <si>
    <t>　　強化型Ｂ</t>
  </si>
  <si>
    <t>２　Ⅰ型</t>
  </si>
  <si>
    <t>３　Ⅱ型</t>
  </si>
  <si>
    <t>Ａ　病院経過型</t>
  </si>
  <si>
    <t>Ｃ　ユニット型病院経過型</t>
  </si>
  <si>
    <t>１　Ⅰ型（療養機能</t>
  </si>
  <si>
    <t>３　Ⅰ型（療養機能</t>
  </si>
  <si>
    <t>４　Ⅰ型（療養機能</t>
  </si>
  <si>
    <t>２　Ⅱ型</t>
  </si>
  <si>
    <t>７　ユニット型診療所型</t>
  </si>
  <si>
    <t>２ その他</t>
    <rPh sb="4" eb="5">
      <t>タ</t>
    </rPh>
    <phoneticPr fontId="6"/>
  </si>
  <si>
    <t>１ 精神科作業療法</t>
    <rPh sb="2" eb="5">
      <t>セイシンカ</t>
    </rPh>
    <rPh sb="5" eb="7">
      <t>サギョウ</t>
    </rPh>
    <rPh sb="7" eb="9">
      <t>リョウホウ</t>
    </rPh>
    <phoneticPr fontId="6"/>
  </si>
  <si>
    <t>５　Ⅰ型</t>
  </si>
  <si>
    <t>６　Ⅱ型</t>
  </si>
  <si>
    <t>７　Ⅲ型</t>
  </si>
  <si>
    <t>８　Ⅳ型</t>
  </si>
  <si>
    <t>９　Ⅴ型</t>
  </si>
  <si>
    <t>３　認知症疾患型</t>
  </si>
  <si>
    <t>８　ユニット型認知症疾患型</t>
  </si>
  <si>
    <t>Ｂ　認知症経過型</t>
  </si>
  <si>
    <t>１　Ⅰ型（Ⅰ）</t>
  </si>
  <si>
    <t>２　Ⅰ型（Ⅱ）</t>
  </si>
  <si>
    <t xml:space="preserve">３　Ⅰ型（Ⅲ） </t>
  </si>
  <si>
    <t>３ 薬剤師</t>
    <rPh sb="2" eb="5">
      <t>ヤクザイシ</t>
    </rPh>
    <phoneticPr fontId="6"/>
  </si>
  <si>
    <t>４ 看護職員</t>
    <rPh sb="2" eb="4">
      <t>カンゴ</t>
    </rPh>
    <rPh sb="4" eb="6">
      <t>ショクイン</t>
    </rPh>
    <phoneticPr fontId="6"/>
  </si>
  <si>
    <t>５ 介護職員</t>
    <rPh sb="2" eb="4">
      <t>カイゴ</t>
    </rPh>
    <rPh sb="4" eb="6">
      <t>ショクイン</t>
    </rPh>
    <phoneticPr fontId="6"/>
  </si>
  <si>
    <t>２　Ⅱ型（Ⅱ）</t>
  </si>
  <si>
    <t>３　Ⅱ型（Ⅲ）</t>
  </si>
  <si>
    <t>１　Ⅰ型</t>
  </si>
  <si>
    <t>６　ユニット型特別介護医療院</t>
  </si>
  <si>
    <t>□</t>
  </si>
  <si>
    <t>１　一般型</t>
  </si>
  <si>
    <t>２　外部サービス</t>
  </si>
  <si>
    <t>　　利用型</t>
  </si>
  <si>
    <t>１ 減算型</t>
    <phoneticPr fontId="6"/>
  </si>
  <si>
    <t>２ 基準型</t>
    <rPh sb="2" eb="4">
      <t>キジュン</t>
    </rPh>
    <rPh sb="4" eb="5">
      <t>ガタ</t>
    </rPh>
    <phoneticPr fontId="6"/>
  </si>
  <si>
    <t>１　病院又は診療所</t>
  </si>
  <si>
    <t>介護予防訪問</t>
  </si>
  <si>
    <t>リハビリテーション</t>
  </si>
  <si>
    <t>介護予防通所</t>
  </si>
  <si>
    <t>□</t>
    <phoneticPr fontId="6"/>
  </si>
  <si>
    <t>介護予防短期入所療養介護</t>
  </si>
  <si>
    <t>2B</t>
    <phoneticPr fontId="6"/>
  </si>
  <si>
    <t xml:space="preserve">１　Ⅰ型（Ⅰ） </t>
  </si>
  <si>
    <t xml:space="preserve">１　Ⅱ型（Ⅰ） </t>
  </si>
  <si>
    <t>１　有料老人ホーム</t>
  </si>
  <si>
    <t>２　軽費老人ホーム</t>
  </si>
  <si>
    <t>３　養護老人ホーム</t>
  </si>
  <si>
    <t>介護予防特定施設入居者</t>
  </si>
  <si>
    <t>生活介護</t>
  </si>
  <si>
    <t>介護予防福祉用具貸与</t>
  </si>
  <si>
    <t>１ 基準</t>
    <rPh sb="2" eb="4">
      <t>キジュン</t>
    </rPh>
    <phoneticPr fontId="6"/>
  </si>
  <si>
    <t>分子</t>
    <rPh sb="0" eb="2">
      <t>ブンシ</t>
    </rPh>
    <phoneticPr fontId="35"/>
  </si>
  <si>
    <t>分母</t>
    <rPh sb="0" eb="2">
      <t>ブンボ</t>
    </rPh>
    <phoneticPr fontId="35"/>
  </si>
  <si>
    <t>割合を計算する職員</t>
    <rPh sb="0" eb="2">
      <t>ワリアイ</t>
    </rPh>
    <rPh sb="3" eb="5">
      <t>ケイサン</t>
    </rPh>
    <rPh sb="7" eb="9">
      <t>ショクイン</t>
    </rPh>
    <phoneticPr fontId="35"/>
  </si>
  <si>
    <t>介護福祉士</t>
    <rPh sb="0" eb="2">
      <t>カイゴ</t>
    </rPh>
    <rPh sb="2" eb="5">
      <t>フクシシ</t>
    </rPh>
    <phoneticPr fontId="35"/>
  </si>
  <si>
    <t>介護職員</t>
    <rPh sb="0" eb="2">
      <t>カイゴ</t>
    </rPh>
    <rPh sb="2" eb="4">
      <t>ショクイン</t>
    </rPh>
    <phoneticPr fontId="35"/>
  </si>
  <si>
    <t>勤続年数10年以上の介護福祉士</t>
    <rPh sb="0" eb="2">
      <t>キンゾク</t>
    </rPh>
    <rPh sb="2" eb="3">
      <t>ネン</t>
    </rPh>
    <rPh sb="3" eb="4">
      <t>スウ</t>
    </rPh>
    <rPh sb="6" eb="7">
      <t>ネン</t>
    </rPh>
    <rPh sb="7" eb="9">
      <t>イジョウ</t>
    </rPh>
    <rPh sb="10" eb="12">
      <t>カイゴ</t>
    </rPh>
    <rPh sb="12" eb="15">
      <t>フクシシ</t>
    </rPh>
    <phoneticPr fontId="35"/>
  </si>
  <si>
    <t>介護サービスを直接提供する職員</t>
    <rPh sb="0" eb="2">
      <t>カイゴ</t>
    </rPh>
    <rPh sb="7" eb="9">
      <t>チョクセツ</t>
    </rPh>
    <rPh sb="9" eb="11">
      <t>テイキョウ</t>
    </rPh>
    <rPh sb="13" eb="15">
      <t>ショクイン</t>
    </rPh>
    <phoneticPr fontId="35"/>
  </si>
  <si>
    <t>勤続年数７年以上の職員</t>
    <rPh sb="0" eb="2">
      <t>キンゾク</t>
    </rPh>
    <rPh sb="2" eb="4">
      <t>ネンスウ</t>
    </rPh>
    <rPh sb="5" eb="6">
      <t>ネン</t>
    </rPh>
    <rPh sb="6" eb="8">
      <t>イジョウ</t>
    </rPh>
    <rPh sb="9" eb="11">
      <t>ショクイン</t>
    </rPh>
    <phoneticPr fontId="35"/>
  </si>
  <si>
    <t>-</t>
    <phoneticPr fontId="35"/>
  </si>
  <si>
    <t>令和</t>
    <rPh sb="0" eb="2">
      <t>レイワ</t>
    </rPh>
    <phoneticPr fontId="35"/>
  </si>
  <si>
    <t>年</t>
    <rPh sb="0" eb="1">
      <t>ネン</t>
    </rPh>
    <phoneticPr fontId="35"/>
  </si>
  <si>
    <t>月</t>
    <rPh sb="0" eb="1">
      <t>ゲツ</t>
    </rPh>
    <phoneticPr fontId="35"/>
  </si>
  <si>
    <t>日</t>
    <rPh sb="0" eb="1">
      <t>ニチ</t>
    </rPh>
    <phoneticPr fontId="35"/>
  </si>
  <si>
    <t>有資格者等の割合の参考計算書</t>
    <rPh sb="0" eb="4">
      <t>ユウシカクシャ</t>
    </rPh>
    <rPh sb="4" eb="5">
      <t>トウ</t>
    </rPh>
    <rPh sb="6" eb="8">
      <t>ワリアイ</t>
    </rPh>
    <rPh sb="9" eb="11">
      <t>サンコウ</t>
    </rPh>
    <rPh sb="11" eb="14">
      <t>ケイサンショ</t>
    </rPh>
    <phoneticPr fontId="35"/>
  </si>
  <si>
    <t>事業所名</t>
    <rPh sb="0" eb="3">
      <t>ジギョウショ</t>
    </rPh>
    <rPh sb="3" eb="4">
      <t>メイ</t>
    </rPh>
    <phoneticPr fontId="35"/>
  </si>
  <si>
    <t>事業所番号</t>
    <rPh sb="0" eb="3">
      <t>ジギョウショ</t>
    </rPh>
    <rPh sb="3" eb="5">
      <t>バンゴウ</t>
    </rPh>
    <phoneticPr fontId="35"/>
  </si>
  <si>
    <t>サービス種類</t>
    <rPh sb="4" eb="6">
      <t>シュルイ</t>
    </rPh>
    <phoneticPr fontId="35"/>
  </si>
  <si>
    <t>１．割合を計算する職員</t>
    <rPh sb="2" eb="4">
      <t>ワリアイ</t>
    </rPh>
    <rPh sb="5" eb="7">
      <t>ケイサン</t>
    </rPh>
    <rPh sb="9" eb="11">
      <t>ショクイン</t>
    </rPh>
    <phoneticPr fontId="35"/>
  </si>
  <si>
    <t>２．有資格者等の割合の算定期間</t>
    <rPh sb="2" eb="6">
      <t>ユウシカクシャ</t>
    </rPh>
    <rPh sb="6" eb="7">
      <t>トウ</t>
    </rPh>
    <rPh sb="8" eb="10">
      <t>ワリアイ</t>
    </rPh>
    <rPh sb="11" eb="13">
      <t>サンテイ</t>
    </rPh>
    <rPh sb="13" eb="15">
      <t>キカン</t>
    </rPh>
    <phoneticPr fontId="35"/>
  </si>
  <si>
    <t>前年度（３月を除く）</t>
  </si>
  <si>
    <t>実績月数　</t>
    <rPh sb="0" eb="2">
      <t>ジッセキ</t>
    </rPh>
    <rPh sb="2" eb="4">
      <t>ツキスウ</t>
    </rPh>
    <phoneticPr fontId="35"/>
  </si>
  <si>
    <t>３．常勤換算方法による計算</t>
    <rPh sb="2" eb="4">
      <t>ジョウキン</t>
    </rPh>
    <rPh sb="4" eb="6">
      <t>カンサン</t>
    </rPh>
    <rPh sb="6" eb="8">
      <t>ホウホウ</t>
    </rPh>
    <rPh sb="11" eb="13">
      <t>ケイサン</t>
    </rPh>
    <phoneticPr fontId="35"/>
  </si>
  <si>
    <t>前年度（３月を除く）</t>
    <rPh sb="0" eb="3">
      <t>ゼンネンド</t>
    </rPh>
    <rPh sb="5" eb="6">
      <t>ガツ</t>
    </rPh>
    <rPh sb="7" eb="8">
      <t>ノゾ</t>
    </rPh>
    <phoneticPr fontId="35"/>
  </si>
  <si>
    <t>常勤換算人数</t>
    <rPh sb="0" eb="2">
      <t>ジョウキン</t>
    </rPh>
    <rPh sb="2" eb="4">
      <t>カンサン</t>
    </rPh>
    <rPh sb="4" eb="6">
      <t>ニンズウ</t>
    </rPh>
    <phoneticPr fontId="35"/>
  </si>
  <si>
    <t>①常勤職員の
一月あたりの
勤務時間</t>
    <rPh sb="1" eb="3">
      <t>ジョウキン</t>
    </rPh>
    <rPh sb="3" eb="5">
      <t>ショクイン</t>
    </rPh>
    <rPh sb="7" eb="8">
      <t>ヒト</t>
    </rPh>
    <rPh sb="8" eb="9">
      <t>ツキ</t>
    </rPh>
    <rPh sb="14" eb="16">
      <t>キンム</t>
    </rPh>
    <rPh sb="16" eb="18">
      <t>ジカン</t>
    </rPh>
    <phoneticPr fontId="35"/>
  </si>
  <si>
    <r>
      <t xml:space="preserve">②常勤換算方法の
</t>
    </r>
    <r>
      <rPr>
        <u/>
        <sz val="11"/>
        <color rgb="FFFF0000"/>
        <rFont val="ＭＳ Ｐゴシック"/>
        <family val="3"/>
        <charset val="128"/>
        <scheme val="minor"/>
      </rPr>
      <t>対象外</t>
    </r>
    <r>
      <rPr>
        <sz val="11"/>
        <rFont val="ＭＳ Ｐゴシック"/>
        <family val="3"/>
        <charset val="128"/>
      </rPr>
      <t>である
常勤の職員数
（常勤・専従等）</t>
    </r>
    <rPh sb="1" eb="3">
      <t>ジョウキン</t>
    </rPh>
    <rPh sb="3" eb="5">
      <t>カンサン</t>
    </rPh>
    <rPh sb="5" eb="7">
      <t>ホウホウ</t>
    </rPh>
    <rPh sb="9" eb="12">
      <t>タイショウガイ</t>
    </rPh>
    <rPh sb="16" eb="18">
      <t>ジョウキン</t>
    </rPh>
    <rPh sb="19" eb="21">
      <t>ショクイン</t>
    </rPh>
    <rPh sb="21" eb="22">
      <t>スウ</t>
    </rPh>
    <rPh sb="24" eb="26">
      <t>ジョウキン</t>
    </rPh>
    <rPh sb="27" eb="29">
      <t>センジュウ</t>
    </rPh>
    <rPh sb="29" eb="30">
      <t>トウ</t>
    </rPh>
    <phoneticPr fontId="35"/>
  </si>
  <si>
    <t>③常勤換算方法の対象
である常勤の職員の
勤務延時間数
（常勤・兼務等）</t>
    <rPh sb="1" eb="3">
      <t>ジョウキン</t>
    </rPh>
    <rPh sb="3" eb="5">
      <t>カンサン</t>
    </rPh>
    <rPh sb="5" eb="7">
      <t>ホウホウ</t>
    </rPh>
    <rPh sb="8" eb="10">
      <t>タイショウ</t>
    </rPh>
    <rPh sb="14" eb="16">
      <t>ジョウキン</t>
    </rPh>
    <rPh sb="17" eb="19">
      <t>ショクイン</t>
    </rPh>
    <rPh sb="21" eb="23">
      <t>キンム</t>
    </rPh>
    <rPh sb="23" eb="24">
      <t>ノ</t>
    </rPh>
    <rPh sb="24" eb="27">
      <t>ジカンスウ</t>
    </rPh>
    <rPh sb="29" eb="31">
      <t>ジョウキン</t>
    </rPh>
    <rPh sb="32" eb="34">
      <t>ケンム</t>
    </rPh>
    <rPh sb="34" eb="35">
      <t>トウ</t>
    </rPh>
    <phoneticPr fontId="35"/>
  </si>
  <si>
    <t>④非常勤の職員の
勤務延時間数</t>
    <rPh sb="1" eb="4">
      <t>ヒジョウキン</t>
    </rPh>
    <rPh sb="5" eb="7">
      <t>ショクイン</t>
    </rPh>
    <rPh sb="9" eb="11">
      <t>キンム</t>
    </rPh>
    <rPh sb="11" eb="12">
      <t>ノ</t>
    </rPh>
    <rPh sb="12" eb="15">
      <t>ジカンスウ</t>
    </rPh>
    <phoneticPr fontId="35"/>
  </si>
  <si>
    <t>時間</t>
    <rPh sb="0" eb="2">
      <t>ジカン</t>
    </rPh>
    <phoneticPr fontId="35"/>
  </si>
  <si>
    <t>人</t>
    <rPh sb="0" eb="1">
      <t>ニン</t>
    </rPh>
    <phoneticPr fontId="35"/>
  </si>
  <si>
    <t>4月</t>
    <rPh sb="1" eb="2">
      <t>ガツ</t>
    </rPh>
    <phoneticPr fontId="35"/>
  </si>
  <si>
    <t>5月</t>
  </si>
  <si>
    <t>6月</t>
  </si>
  <si>
    <t>7月</t>
  </si>
  <si>
    <t>8月</t>
  </si>
  <si>
    <t>9月</t>
  </si>
  <si>
    <t>10月</t>
  </si>
  <si>
    <t>11月</t>
  </si>
  <si>
    <t>12月</t>
  </si>
  <si>
    <t>1月</t>
  </si>
  <si>
    <t>2月</t>
  </si>
  <si>
    <t>合計</t>
    <rPh sb="0" eb="2">
      <t>ゴウケイ</t>
    </rPh>
    <phoneticPr fontId="35"/>
  </si>
  <si>
    <t>一月あたりの平均値</t>
    <rPh sb="0" eb="1">
      <t>ヒト</t>
    </rPh>
    <rPh sb="1" eb="2">
      <t>ツキ</t>
    </rPh>
    <rPh sb="6" eb="8">
      <t>ヘイキン</t>
    </rPh>
    <rPh sb="8" eb="9">
      <t>アタイ</t>
    </rPh>
    <phoneticPr fontId="35"/>
  </si>
  <si>
    <t>の割合</t>
    <rPh sb="1" eb="3">
      <t>ワリアイ</t>
    </rPh>
    <phoneticPr fontId="35"/>
  </si>
  <si>
    <t>届出日の属する月の前３月</t>
    <rPh sb="0" eb="2">
      <t>トドケデ</t>
    </rPh>
    <rPh sb="2" eb="3">
      <t>ヒ</t>
    </rPh>
    <rPh sb="4" eb="5">
      <t>ゾク</t>
    </rPh>
    <rPh sb="7" eb="8">
      <t>ツキ</t>
    </rPh>
    <rPh sb="9" eb="10">
      <t>マエ</t>
    </rPh>
    <rPh sb="11" eb="12">
      <t>ガツ</t>
    </rPh>
    <phoneticPr fontId="35"/>
  </si>
  <si>
    <t>備考</t>
    <rPh sb="0" eb="2">
      <t>ビコウ</t>
    </rPh>
    <phoneticPr fontId="35"/>
  </si>
  <si>
    <t>・本計算書は、有資格者等の割合が要件となっている加算の届出を行う際に、事業所・施設において使用している勤務割表等を自治体に提出する</t>
    <rPh sb="7" eb="11">
      <t>ユウシカクシャ</t>
    </rPh>
    <rPh sb="11" eb="12">
      <t>トウ</t>
    </rPh>
    <rPh sb="13" eb="15">
      <t>ワリアイ</t>
    </rPh>
    <rPh sb="16" eb="18">
      <t>ヨウケン</t>
    </rPh>
    <rPh sb="24" eb="26">
      <t>カサン</t>
    </rPh>
    <rPh sb="27" eb="29">
      <t>トドケデ</t>
    </rPh>
    <rPh sb="30" eb="31">
      <t>オコナ</t>
    </rPh>
    <rPh sb="32" eb="33">
      <t>サイ</t>
    </rPh>
    <rPh sb="35" eb="38">
      <t>ジギョウショ</t>
    </rPh>
    <rPh sb="39" eb="41">
      <t>シセツ</t>
    </rPh>
    <rPh sb="45" eb="47">
      <t>シヨウ</t>
    </rPh>
    <rPh sb="51" eb="53">
      <t>キンム</t>
    </rPh>
    <rPh sb="53" eb="54">
      <t>ワ</t>
    </rPh>
    <rPh sb="54" eb="55">
      <t>ヒョウ</t>
    </rPh>
    <rPh sb="55" eb="56">
      <t>トウ</t>
    </rPh>
    <rPh sb="57" eb="60">
      <t>ジチタイ</t>
    </rPh>
    <rPh sb="61" eb="63">
      <t>テイシュツ</t>
    </rPh>
    <phoneticPr fontId="35"/>
  </si>
  <si>
    <t>　場合の参考資料としてご活用ください。なお、有資格者等の割合の計算根拠資料が他にある場合は、本計算書の添付は不要です。</t>
    <rPh sb="12" eb="14">
      <t>カツヨウ</t>
    </rPh>
    <rPh sb="22" eb="26">
      <t>ユウシカクシャ</t>
    </rPh>
    <rPh sb="26" eb="27">
      <t>トウ</t>
    </rPh>
    <rPh sb="28" eb="30">
      <t>ワリアイ</t>
    </rPh>
    <rPh sb="31" eb="33">
      <t>ケイサン</t>
    </rPh>
    <rPh sb="33" eb="35">
      <t>コンキョ</t>
    </rPh>
    <rPh sb="35" eb="37">
      <t>シリョウ</t>
    </rPh>
    <rPh sb="38" eb="39">
      <t>ホカ</t>
    </rPh>
    <rPh sb="42" eb="44">
      <t>バアイ</t>
    </rPh>
    <rPh sb="46" eb="47">
      <t>ホン</t>
    </rPh>
    <rPh sb="47" eb="50">
      <t>ケイサンショ</t>
    </rPh>
    <rPh sb="51" eb="53">
      <t>テンプ</t>
    </rPh>
    <rPh sb="54" eb="56">
      <t>フヨウ</t>
    </rPh>
    <phoneticPr fontId="35"/>
  </si>
  <si>
    <t>　また、自治体が定める「（別紙７）従業者の勤務の体制及び勤務形態一覧表」を作成して提出する場合も、本計算書の添付は不要です。</t>
    <rPh sb="4" eb="7">
      <t>ジチタイ</t>
    </rPh>
    <rPh sb="8" eb="9">
      <t>サダ</t>
    </rPh>
    <rPh sb="13" eb="15">
      <t>ベッシ</t>
    </rPh>
    <rPh sb="17" eb="20">
      <t>ジュウギョウシャ</t>
    </rPh>
    <rPh sb="21" eb="23">
      <t>キンム</t>
    </rPh>
    <rPh sb="24" eb="26">
      <t>タイセイ</t>
    </rPh>
    <rPh sb="26" eb="27">
      <t>オヨ</t>
    </rPh>
    <rPh sb="28" eb="30">
      <t>キンム</t>
    </rPh>
    <rPh sb="30" eb="32">
      <t>ケイタイ</t>
    </rPh>
    <rPh sb="32" eb="35">
      <t>イチランヒョウ</t>
    </rPh>
    <rPh sb="37" eb="39">
      <t>サクセイ</t>
    </rPh>
    <rPh sb="41" eb="43">
      <t>テイシュツ</t>
    </rPh>
    <rPh sb="45" eb="47">
      <t>バアイ</t>
    </rPh>
    <rPh sb="49" eb="50">
      <t>ホン</t>
    </rPh>
    <rPh sb="50" eb="53">
      <t>ケイサンショ</t>
    </rPh>
    <rPh sb="54" eb="56">
      <t>テンプ</t>
    </rPh>
    <rPh sb="57" eb="59">
      <t>フヨウ</t>
    </rPh>
    <phoneticPr fontId="35"/>
  </si>
  <si>
    <t>・本計算書は、黄色網掛けのセルについて記入または選択をしてください。</t>
    <rPh sb="1" eb="2">
      <t>ホン</t>
    </rPh>
    <rPh sb="2" eb="5">
      <t>ケイサンショ</t>
    </rPh>
    <rPh sb="7" eb="9">
      <t>キイロ</t>
    </rPh>
    <rPh sb="9" eb="11">
      <t>アミカ</t>
    </rPh>
    <rPh sb="19" eb="21">
      <t>キニュウ</t>
    </rPh>
    <rPh sb="24" eb="26">
      <t>センタク</t>
    </rPh>
    <phoneticPr fontId="35"/>
  </si>
  <si>
    <t>・「１．割合を計算する職員」は、本計算書で計算する有資格者等の種類を選択してください。</t>
    <rPh sb="4" eb="6">
      <t>ワリアイ</t>
    </rPh>
    <rPh sb="7" eb="9">
      <t>ケイサン</t>
    </rPh>
    <rPh sb="11" eb="13">
      <t>ショクイン</t>
    </rPh>
    <rPh sb="16" eb="17">
      <t>ホン</t>
    </rPh>
    <rPh sb="17" eb="19">
      <t>ケイサン</t>
    </rPh>
    <rPh sb="19" eb="20">
      <t>ショ</t>
    </rPh>
    <rPh sb="21" eb="23">
      <t>ケイサン</t>
    </rPh>
    <rPh sb="25" eb="29">
      <t>ユウシカクシャ</t>
    </rPh>
    <rPh sb="29" eb="30">
      <t>トウ</t>
    </rPh>
    <rPh sb="31" eb="33">
      <t>シュルイ</t>
    </rPh>
    <rPh sb="34" eb="36">
      <t>センタク</t>
    </rPh>
    <phoneticPr fontId="35"/>
  </si>
  <si>
    <t>・「２．有資格者等の割合の算定期間」は、前年度の実績が６月に満たない事業所（新たに事業を開始した、または再開した事業所）については、</t>
    <rPh sb="4" eb="8">
      <t>ユウシカクシャ</t>
    </rPh>
    <rPh sb="8" eb="9">
      <t>トウ</t>
    </rPh>
    <rPh sb="10" eb="12">
      <t>ワリアイ</t>
    </rPh>
    <rPh sb="13" eb="15">
      <t>サンテイ</t>
    </rPh>
    <rPh sb="15" eb="17">
      <t>キカン</t>
    </rPh>
    <rPh sb="20" eb="23">
      <t>ゼンネンド</t>
    </rPh>
    <rPh sb="24" eb="26">
      <t>ジッセキ</t>
    </rPh>
    <rPh sb="28" eb="29">
      <t>ガツ</t>
    </rPh>
    <rPh sb="30" eb="31">
      <t>ミ</t>
    </rPh>
    <rPh sb="34" eb="37">
      <t>ジギョウショ</t>
    </rPh>
    <rPh sb="38" eb="39">
      <t>アラ</t>
    </rPh>
    <rPh sb="41" eb="43">
      <t>ジギョウ</t>
    </rPh>
    <rPh sb="44" eb="46">
      <t>カイシ</t>
    </rPh>
    <rPh sb="52" eb="54">
      <t>サイカイ</t>
    </rPh>
    <rPh sb="56" eb="59">
      <t>ジギョウショ</t>
    </rPh>
    <phoneticPr fontId="35"/>
  </si>
  <si>
    <t>　届出日の属する月の前３月について計算します。それ以外は前年度（３月を除く）の平均を用いて計算しますので、該当の期間を選択し、</t>
    <rPh sb="1" eb="3">
      <t>トドケデ</t>
    </rPh>
    <rPh sb="3" eb="4">
      <t>ヒ</t>
    </rPh>
    <rPh sb="5" eb="6">
      <t>ゾク</t>
    </rPh>
    <rPh sb="8" eb="9">
      <t>ツキ</t>
    </rPh>
    <rPh sb="10" eb="11">
      <t>マエ</t>
    </rPh>
    <rPh sb="12" eb="13">
      <t>ガツ</t>
    </rPh>
    <rPh sb="17" eb="19">
      <t>ケイサン</t>
    </rPh>
    <rPh sb="25" eb="27">
      <t>イガイ</t>
    </rPh>
    <rPh sb="28" eb="31">
      <t>ゼンネンド</t>
    </rPh>
    <rPh sb="33" eb="34">
      <t>ガツ</t>
    </rPh>
    <rPh sb="35" eb="36">
      <t>ノゾ</t>
    </rPh>
    <rPh sb="39" eb="41">
      <t>ヘイキン</t>
    </rPh>
    <rPh sb="42" eb="43">
      <t>モチ</t>
    </rPh>
    <rPh sb="45" eb="47">
      <t>ケイサン</t>
    </rPh>
    <rPh sb="53" eb="55">
      <t>ガイトウ</t>
    </rPh>
    <rPh sb="56" eb="58">
      <t>キカン</t>
    </rPh>
    <rPh sb="59" eb="61">
      <t>センタク</t>
    </rPh>
    <phoneticPr fontId="35"/>
  </si>
  <si>
    <t>　実績月数を記入してください。</t>
    <rPh sb="1" eb="3">
      <t>ジッセキ</t>
    </rPh>
    <rPh sb="3" eb="5">
      <t>ツキスウ</t>
    </rPh>
    <rPh sb="6" eb="8">
      <t>キニュウ</t>
    </rPh>
    <phoneticPr fontId="35"/>
  </si>
  <si>
    <t>・「３．常勤換算方法による計算」</t>
    <rPh sb="4" eb="6">
      <t>ジョウキン</t>
    </rPh>
    <rPh sb="6" eb="8">
      <t>カンサン</t>
    </rPh>
    <rPh sb="8" eb="10">
      <t>ホウホウ</t>
    </rPh>
    <rPh sb="13" eb="15">
      <t>ケイサン</t>
    </rPh>
    <phoneticPr fontId="35"/>
  </si>
  <si>
    <t>　　常勤換算方法とは、非常勤の従業者について「事業所の従業者の勤務延時間数を当該事業所において常勤の従業者が勤務すべき時間数で</t>
    <phoneticPr fontId="35"/>
  </si>
  <si>
    <t>　除することにより、常勤の従業者の員数に換算する方法」であるため、常勤の従業者については常勤換算方法によらず、実人数で計算します。</t>
    <phoneticPr fontId="35"/>
  </si>
  <si>
    <t>　常勤で兼務の従業者については、実態に応じて以下の①・②に実人数または勤務延時間数を記入してください。</t>
    <rPh sb="1" eb="3">
      <t>ジョウキン</t>
    </rPh>
    <rPh sb="4" eb="6">
      <t>ケンム</t>
    </rPh>
    <rPh sb="7" eb="10">
      <t>ジュウギョウシャ</t>
    </rPh>
    <rPh sb="16" eb="18">
      <t>ジッタイ</t>
    </rPh>
    <rPh sb="19" eb="20">
      <t>オウ</t>
    </rPh>
    <rPh sb="22" eb="24">
      <t>イカ</t>
    </rPh>
    <rPh sb="29" eb="30">
      <t>ジツ</t>
    </rPh>
    <rPh sb="30" eb="32">
      <t>ニンズウ</t>
    </rPh>
    <rPh sb="35" eb="37">
      <t>キンム</t>
    </rPh>
    <rPh sb="37" eb="38">
      <t>ノ</t>
    </rPh>
    <rPh sb="38" eb="41">
      <t>ジカンスウ</t>
    </rPh>
    <rPh sb="42" eb="44">
      <t>キニュウ</t>
    </rPh>
    <phoneticPr fontId="35"/>
  </si>
  <si>
    <t>　①当該事業所または施設において常勤の職員が勤務すべき一月あたりの時間数を記入してください。</t>
    <rPh sb="2" eb="4">
      <t>トウガイ</t>
    </rPh>
    <rPh sb="4" eb="7">
      <t>ジギョウショ</t>
    </rPh>
    <rPh sb="10" eb="12">
      <t>シセツ</t>
    </rPh>
    <rPh sb="16" eb="18">
      <t>ジョウキン</t>
    </rPh>
    <rPh sb="19" eb="21">
      <t>ショクイン</t>
    </rPh>
    <rPh sb="22" eb="24">
      <t>キンム</t>
    </rPh>
    <rPh sb="27" eb="28">
      <t>ヒト</t>
    </rPh>
    <rPh sb="28" eb="29">
      <t>ツキ</t>
    </rPh>
    <rPh sb="33" eb="36">
      <t>ジカンスウ</t>
    </rPh>
    <rPh sb="37" eb="39">
      <t>キニュウ</t>
    </rPh>
    <phoneticPr fontId="35"/>
  </si>
  <si>
    <t>　②当該事業所または施設における、常勤換算方法の対象外である常勤の職員の人数を記入してください。</t>
    <rPh sb="17" eb="19">
      <t>ジョウキン</t>
    </rPh>
    <rPh sb="19" eb="21">
      <t>カンサン</t>
    </rPh>
    <rPh sb="21" eb="23">
      <t>ホウホウ</t>
    </rPh>
    <rPh sb="24" eb="26">
      <t>タイショウ</t>
    </rPh>
    <rPh sb="26" eb="27">
      <t>ガイ</t>
    </rPh>
    <rPh sb="36" eb="38">
      <t>ニンズウ</t>
    </rPh>
    <rPh sb="39" eb="41">
      <t>キニュウ</t>
    </rPh>
    <phoneticPr fontId="35"/>
  </si>
  <si>
    <t>　　（常勤・専従の職員、当該事業所または施設で他の職種を兼務している常勤の職員等）</t>
    <rPh sb="3" eb="5">
      <t>ジョウキン</t>
    </rPh>
    <rPh sb="6" eb="8">
      <t>センジュウ</t>
    </rPh>
    <rPh sb="9" eb="11">
      <t>ショクイン</t>
    </rPh>
    <rPh sb="12" eb="14">
      <t>トウガイ</t>
    </rPh>
    <rPh sb="14" eb="17">
      <t>ジギョウショ</t>
    </rPh>
    <rPh sb="20" eb="22">
      <t>シセツ</t>
    </rPh>
    <rPh sb="23" eb="24">
      <t>タ</t>
    </rPh>
    <rPh sb="25" eb="27">
      <t>ショクシュ</t>
    </rPh>
    <rPh sb="28" eb="30">
      <t>ケンム</t>
    </rPh>
    <rPh sb="34" eb="36">
      <t>ジョウキン</t>
    </rPh>
    <rPh sb="37" eb="39">
      <t>ショクイン</t>
    </rPh>
    <rPh sb="39" eb="40">
      <t>トウ</t>
    </rPh>
    <phoneticPr fontId="35"/>
  </si>
  <si>
    <t>　③常勤の職員のうち、併設事業所等の他の職種を兼務しており、1人と計算するのが適当ではない職員の勤務延時間数を記入してください。</t>
    <rPh sb="2" eb="4">
      <t>ジョウキン</t>
    </rPh>
    <rPh sb="5" eb="7">
      <t>ショクイン</t>
    </rPh>
    <rPh sb="11" eb="13">
      <t>ヘイセツ</t>
    </rPh>
    <rPh sb="13" eb="16">
      <t>ジギョウショ</t>
    </rPh>
    <rPh sb="16" eb="17">
      <t>トウ</t>
    </rPh>
    <rPh sb="18" eb="19">
      <t>タ</t>
    </rPh>
    <rPh sb="20" eb="22">
      <t>ショクシュ</t>
    </rPh>
    <rPh sb="23" eb="25">
      <t>ケンム</t>
    </rPh>
    <rPh sb="31" eb="32">
      <t>ニン</t>
    </rPh>
    <rPh sb="33" eb="35">
      <t>ケイサン</t>
    </rPh>
    <rPh sb="39" eb="41">
      <t>テキトウ</t>
    </rPh>
    <rPh sb="45" eb="47">
      <t>ショクイン</t>
    </rPh>
    <rPh sb="48" eb="50">
      <t>キンム</t>
    </rPh>
    <rPh sb="50" eb="51">
      <t>ノ</t>
    </rPh>
    <rPh sb="51" eb="53">
      <t>ジカン</t>
    </rPh>
    <rPh sb="53" eb="54">
      <t>スウ</t>
    </rPh>
    <rPh sb="55" eb="57">
      <t>キニュウ</t>
    </rPh>
    <phoneticPr fontId="35"/>
  </si>
  <si>
    <t>　④非常勤の職員の勤務延時間数を記入してください。</t>
    <rPh sb="2" eb="5">
      <t>ヒジョウキン</t>
    </rPh>
    <rPh sb="6" eb="8">
      <t>ショクイン</t>
    </rPh>
    <rPh sb="9" eb="11">
      <t>キンム</t>
    </rPh>
    <rPh sb="11" eb="12">
      <t>ノ</t>
    </rPh>
    <rPh sb="12" eb="15">
      <t>ジカンスウ</t>
    </rPh>
    <rPh sb="16" eb="18">
      <t>キニュウ</t>
    </rPh>
    <phoneticPr fontId="35"/>
  </si>
  <si>
    <t>　※「常勤・非常勤」の区分について</t>
    <rPh sb="3" eb="5">
      <t>ジョウキン</t>
    </rPh>
    <rPh sb="6" eb="9">
      <t>ヒジョウキン</t>
    </rPh>
    <rPh sb="11" eb="13">
      <t>クブン</t>
    </rPh>
    <phoneticPr fontId="35"/>
  </si>
  <si>
    <t>　　常勤とは、当該事業所または施設における勤務時間が、当該事業所または施設において定められている常勤の従業者が勤務すべき時間数に</t>
    <rPh sb="2" eb="4">
      <t>ジョウキン</t>
    </rPh>
    <rPh sb="7" eb="9">
      <t>トウガイ</t>
    </rPh>
    <rPh sb="9" eb="12">
      <t>ジギョウショ</t>
    </rPh>
    <rPh sb="15" eb="17">
      <t>シセツ</t>
    </rPh>
    <rPh sb="21" eb="23">
      <t>キンム</t>
    </rPh>
    <rPh sb="23" eb="25">
      <t>ジカン</t>
    </rPh>
    <rPh sb="27" eb="29">
      <t>トウガイ</t>
    </rPh>
    <rPh sb="29" eb="32">
      <t>ジギョウショ</t>
    </rPh>
    <rPh sb="35" eb="37">
      <t>シセツ</t>
    </rPh>
    <rPh sb="41" eb="42">
      <t>サダ</t>
    </rPh>
    <rPh sb="48" eb="50">
      <t>ジョウキン</t>
    </rPh>
    <rPh sb="51" eb="54">
      <t>ジュウギョウシャ</t>
    </rPh>
    <rPh sb="55" eb="57">
      <t>キンム</t>
    </rPh>
    <rPh sb="60" eb="63">
      <t>ジカンスウ</t>
    </rPh>
    <phoneticPr fontId="35"/>
  </si>
  <si>
    <t>　　達していることをいいます。雇用の形態は考慮しません。例えば、常勤者は週に40時間勤務することとされた事業所であれば、</t>
    <rPh sb="2" eb="3">
      <t>タッ</t>
    </rPh>
    <rPh sb="15" eb="17">
      <t>コヨウ</t>
    </rPh>
    <rPh sb="18" eb="20">
      <t>ケイタイ</t>
    </rPh>
    <rPh sb="21" eb="23">
      <t>コウリョ</t>
    </rPh>
    <phoneticPr fontId="35"/>
  </si>
  <si>
    <t>　　非正規雇用であっても、週40時間勤務する従業者は常勤扱いとなります。</t>
    <phoneticPr fontId="35"/>
  </si>
  <si>
    <t>　※従業者が育児・介護休業法による短時間勤務制度等を利用する場合、週30時間以上の勤務で、常勤換算方法での計算にあたり、</t>
    <rPh sb="2" eb="5">
      <t>ジュウギョウシャ</t>
    </rPh>
    <rPh sb="6" eb="8">
      <t>イクジ</t>
    </rPh>
    <rPh sb="9" eb="11">
      <t>カイゴ</t>
    </rPh>
    <rPh sb="11" eb="14">
      <t>キュウギョウホウ</t>
    </rPh>
    <rPh sb="17" eb="20">
      <t>タンジカン</t>
    </rPh>
    <rPh sb="20" eb="22">
      <t>キンム</t>
    </rPh>
    <rPh sb="22" eb="24">
      <t>セイド</t>
    </rPh>
    <rPh sb="24" eb="25">
      <t>トウ</t>
    </rPh>
    <rPh sb="26" eb="28">
      <t>リヨウ</t>
    </rPh>
    <rPh sb="30" eb="32">
      <t>バアイ</t>
    </rPh>
    <rPh sb="33" eb="34">
      <t>シュウ</t>
    </rPh>
    <rPh sb="36" eb="38">
      <t>ジカン</t>
    </rPh>
    <rPh sb="38" eb="40">
      <t>イジョウ</t>
    </rPh>
    <rPh sb="41" eb="43">
      <t>キンム</t>
    </rPh>
    <rPh sb="45" eb="47">
      <t>ジョウキン</t>
    </rPh>
    <rPh sb="47" eb="49">
      <t>カンサン</t>
    </rPh>
    <rPh sb="49" eb="51">
      <t>ホウホウ</t>
    </rPh>
    <rPh sb="53" eb="55">
      <t>ケイサン</t>
    </rPh>
    <phoneticPr fontId="35"/>
  </si>
  <si>
    <t>　　常勤の従業者が勤務すべき時間数を満たしたものとし、１（常勤）として取り扱うことが可能です。</t>
    <rPh sb="2" eb="4">
      <t>ジョウキン</t>
    </rPh>
    <rPh sb="5" eb="8">
      <t>ジュウギョウシャ</t>
    </rPh>
    <rPh sb="9" eb="11">
      <t>キンム</t>
    </rPh>
    <rPh sb="14" eb="16">
      <t>ジカン</t>
    </rPh>
    <rPh sb="16" eb="17">
      <t>スウ</t>
    </rPh>
    <rPh sb="18" eb="19">
      <t>ミ</t>
    </rPh>
    <rPh sb="29" eb="31">
      <t>ジョウキン</t>
    </rPh>
    <rPh sb="35" eb="36">
      <t>ト</t>
    </rPh>
    <rPh sb="37" eb="38">
      <t>アツカ</t>
    </rPh>
    <rPh sb="42" eb="44">
      <t>カノウ</t>
    </rPh>
    <phoneticPr fontId="35"/>
  </si>
  <si>
    <t>　　この場合、「②常勤換算方法の対象外である常勤の職員数」の欄に１（人）として記入してください。</t>
    <rPh sb="4" eb="6">
      <t>バアイ</t>
    </rPh>
    <rPh sb="30" eb="31">
      <t>ラン</t>
    </rPh>
    <rPh sb="34" eb="35">
      <t>ニン</t>
    </rPh>
    <rPh sb="39" eb="41">
      <t>キニュウ</t>
    </rPh>
    <phoneticPr fontId="35"/>
  </si>
  <si>
    <t>　※新規事業所等で、届出日の属する月の前３月により計算する場合は、該当する月に人数・勤務延時間数等を記入してください。</t>
    <rPh sb="2" eb="4">
      <t>シンキ</t>
    </rPh>
    <rPh sb="4" eb="7">
      <t>ジギョウショ</t>
    </rPh>
    <rPh sb="7" eb="8">
      <t>トウ</t>
    </rPh>
    <rPh sb="25" eb="27">
      <t>ケイサン</t>
    </rPh>
    <rPh sb="29" eb="31">
      <t>バアイ</t>
    </rPh>
    <rPh sb="33" eb="35">
      <t>ガイトウ</t>
    </rPh>
    <rPh sb="37" eb="38">
      <t>ツキ</t>
    </rPh>
    <rPh sb="39" eb="41">
      <t>ニンズウ</t>
    </rPh>
    <rPh sb="42" eb="44">
      <t>キンム</t>
    </rPh>
    <rPh sb="44" eb="45">
      <t>ノ</t>
    </rPh>
    <rPh sb="45" eb="48">
      <t>ジカンスウ</t>
    </rPh>
    <rPh sb="48" eb="49">
      <t>トウ</t>
    </rPh>
    <rPh sb="50" eb="52">
      <t>キニュウ</t>
    </rPh>
    <phoneticPr fontId="35"/>
  </si>
  <si>
    <t>・その他、各加算における規定は各サービスの告示等をご確認ください。</t>
    <rPh sb="3" eb="4">
      <t>タ</t>
    </rPh>
    <rPh sb="5" eb="6">
      <t>カク</t>
    </rPh>
    <rPh sb="6" eb="8">
      <t>カサン</t>
    </rPh>
    <rPh sb="12" eb="14">
      <t>キテイ</t>
    </rPh>
    <rPh sb="15" eb="16">
      <t>カク</t>
    </rPh>
    <rPh sb="21" eb="24">
      <t>コクジナド</t>
    </rPh>
    <rPh sb="26" eb="28">
      <t>カクニン</t>
    </rPh>
    <phoneticPr fontId="35"/>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phoneticPr fontId="6"/>
  </si>
  <si>
    <t>　　　11　「その他該当する体制等」欄で人員配置に係る加算（減算）の届出については、それぞれ加算（減算）の要件となる職員の配置状況や勤務体制がわかる書類を添付してください。</t>
    <phoneticPr fontId="6"/>
  </si>
  <si>
    <t>　　　12 「送迎体制」については、実際に利用者の送迎が可能な場合に記載してください。</t>
    <phoneticPr fontId="6"/>
  </si>
  <si>
    <t>　　　15 「特定診療費項目」「リハビリテーション提供体制」については、これらに相当する診療報酬の算定のために届け出た届出書の写しを添付してください。</t>
    <phoneticPr fontId="6"/>
  </si>
  <si>
    <t>　　　16 「職員の欠員による減算の状況」については、以下の要領で記載してください。</t>
    <phoneticPr fontId="6"/>
  </si>
  <si>
    <t>令和３年</t>
    <rPh sb="0" eb="2">
      <t>レイワ</t>
    </rPh>
    <rPh sb="3" eb="4">
      <t>ネン</t>
    </rPh>
    <phoneticPr fontId="6"/>
  </si>
  <si>
    <t>令和４年</t>
    <rPh sb="0" eb="2">
      <t>レイワ</t>
    </rPh>
    <rPh sb="3" eb="4">
      <t>ネン</t>
    </rPh>
    <phoneticPr fontId="6"/>
  </si>
  <si>
    <t>１ なし</t>
  </si>
  <si>
    <t>２ 加算Ⅰ</t>
  </si>
  <si>
    <t>３ 加算Ⅱ</t>
  </si>
  <si>
    <t>介護職員等特定処遇改善加算</t>
    <phoneticPr fontId="6"/>
  </si>
  <si>
    <t>介護職員等ベースアップ等支援加算</t>
    <phoneticPr fontId="6"/>
  </si>
  <si>
    <t>（参考様式23）</t>
    <rPh sb="1" eb="3">
      <t>サンコウ</t>
    </rPh>
    <rPh sb="3" eb="5">
      <t>ヨウシキ</t>
    </rPh>
    <phoneticPr fontId="6"/>
  </si>
  <si>
    <r>
      <t>（参考様式23</t>
    </r>
    <r>
      <rPr>
        <sz val="11"/>
        <color theme="1"/>
        <rFont val="ＭＳ Ｐゴシック"/>
        <family val="2"/>
        <charset val="128"/>
        <scheme val="minor"/>
      </rPr>
      <t>-</t>
    </r>
    <r>
      <rPr>
        <sz val="11"/>
        <rFont val="ＭＳ Ｐゴシック"/>
        <family val="3"/>
        <charset val="128"/>
        <scheme val="minor"/>
      </rPr>
      <t>参考資料</t>
    </r>
    <r>
      <rPr>
        <sz val="11"/>
        <color theme="1"/>
        <rFont val="ＭＳ Ｐゴシック"/>
        <family val="2"/>
        <charset val="128"/>
        <scheme val="minor"/>
      </rPr>
      <t>）</t>
    </r>
    <rPh sb="1" eb="3">
      <t>サンコウ</t>
    </rPh>
    <rPh sb="3" eb="5">
      <t>ヨウシキ</t>
    </rPh>
    <rPh sb="8" eb="10">
      <t>サンコウ</t>
    </rPh>
    <rPh sb="10" eb="12">
      <t>シリョウ</t>
    </rPh>
    <phoneticPr fontId="35"/>
  </si>
  <si>
    <t>　　　　（様式21-１）又は「介護老人保健施設（療養型）の基本施設サービス費及び療養体制維持特別加算（Ⅱ）に係る届出」（様式21-２）を添付してください。</t>
    <rPh sb="5" eb="7">
      <t>ヨウシキ</t>
    </rPh>
    <rPh sb="38" eb="39">
      <t>オヨ</t>
    </rPh>
    <rPh sb="40" eb="42">
      <t>リョウヨウ</t>
    </rPh>
    <rPh sb="42" eb="44">
      <t>タイセイ</t>
    </rPh>
    <rPh sb="44" eb="46">
      <t>イジ</t>
    </rPh>
    <rPh sb="46" eb="48">
      <t>トクベツ</t>
    </rPh>
    <rPh sb="48" eb="50">
      <t>カサン</t>
    </rPh>
    <rPh sb="60" eb="62">
      <t>ヨウシキ</t>
    </rPh>
    <phoneticPr fontId="6"/>
  </si>
  <si>
    <t>　　　２ 「施設等の区分」及び「その他該当する体制等」欄で施設・設備等に係る加算（減算）の届出については、「平面図」を添付してください。</t>
    <phoneticPr fontId="6"/>
  </si>
  <si>
    <t>　　　３　介護老人保健施設における「人員配置区分」及び「在宅復帰・在宅療養支援機能加算」に係る届出については、「介護老人保健施設（基本型・在宅強化型）の基本施設サービス費及び在宅復帰・在宅療養支援機能加算に係る届出」</t>
    <rPh sb="18" eb="20">
      <t>ジンイン</t>
    </rPh>
    <rPh sb="20" eb="22">
      <t>ハイチ</t>
    </rPh>
    <phoneticPr fontId="6"/>
  </si>
  <si>
    <t>　　　４　介護療養型医療施設における「人員配置区分」に係る届出については、「介護療養型医療施設の施設種別に係る届出」（様式22-１）又は「介護療養型医療施設（療養機能強化型以外）の基本施設サービス費に係る届出」
　　　　（様式22-２）を添付してください。</t>
    <rPh sb="5" eb="7">
      <t>カイゴ</t>
    </rPh>
    <rPh sb="7" eb="10">
      <t>リョウヨウガタ</t>
    </rPh>
    <rPh sb="10" eb="12">
      <t>イリョウ</t>
    </rPh>
    <rPh sb="12" eb="14">
      <t>シセツ</t>
    </rPh>
    <rPh sb="27" eb="28">
      <t>カカ</t>
    </rPh>
    <rPh sb="29" eb="31">
      <t>トドケデ</t>
    </rPh>
    <rPh sb="38" eb="40">
      <t>カイゴ</t>
    </rPh>
    <rPh sb="40" eb="43">
      <t>リョウヨウガタ</t>
    </rPh>
    <rPh sb="43" eb="45">
      <t>イリョウ</t>
    </rPh>
    <rPh sb="45" eb="47">
      <t>シセツ</t>
    </rPh>
    <rPh sb="48" eb="50">
      <t>シセツ</t>
    </rPh>
    <rPh sb="50" eb="52">
      <t>シュベツ</t>
    </rPh>
    <rPh sb="53" eb="54">
      <t>カカ</t>
    </rPh>
    <rPh sb="55" eb="57">
      <t>トドケデ</t>
    </rPh>
    <rPh sb="66" eb="67">
      <t>マタ</t>
    </rPh>
    <rPh sb="111" eb="113">
      <t>ヨウシキ</t>
    </rPh>
    <phoneticPr fontId="6"/>
  </si>
  <si>
    <t>　　　５　介護医療院における「人員配置区分」に係る届出ついては、「Ⅰ型介護医療院の基本施設サービス費に係る届出」（様式26-１）又は「Ⅱ型介護医療院の基本施設サービス費に係る届出」（様式26-２）を添付してください。</t>
    <rPh sb="15" eb="17">
      <t>ジンイン</t>
    </rPh>
    <rPh sb="17" eb="19">
      <t>ハイチ</t>
    </rPh>
    <rPh sb="34" eb="35">
      <t>ガタ</t>
    </rPh>
    <phoneticPr fontId="6"/>
  </si>
  <si>
    <t>　　　６　人員配置に係る届出については、勤務体制がわかる書類（「従業者の勤務の体制及び勤務形態一覧表」（参考様式23）又はこれに準じた勤務割表等）を添付してください。</t>
    <phoneticPr fontId="6"/>
  </si>
  <si>
    <t>　　　７ 「割引｣を｢あり｣と記載する場合は「指定居宅サービス事業所等による介護給付費の割引に係る割引率の設定について」（様式２）を添付してください。</t>
    <rPh sb="33" eb="34">
      <t>ショ</t>
    </rPh>
    <phoneticPr fontId="6"/>
  </si>
  <si>
    <t>　　　８ 「認知症専門ケア加算」については、「認知症専門ケア加算に係る届出書」（様式15）を添付してください。</t>
    <phoneticPr fontId="6"/>
  </si>
  <si>
    <t>　　　９ 「緊急時介護予防訪問看護加算」「特別管理体制」については、「緊急時（介護予防）訪問看護加算・特別管理体制・ターミナルケア体制に係る届出書」（様式５-１）を添付してください。</t>
    <rPh sb="9" eb="11">
      <t>カイゴ</t>
    </rPh>
    <rPh sb="11" eb="13">
      <t>ヨボウ</t>
    </rPh>
    <rPh sb="65" eb="67">
      <t>タイセイ</t>
    </rPh>
    <rPh sb="68" eb="69">
      <t>カカ</t>
    </rPh>
    <phoneticPr fontId="6"/>
  </si>
  <si>
    <t>　　　10　「看護体制強化加算」については、「看護体制強化加算に係る届出書」（様式５－２）を添付してください。</t>
    <rPh sb="39" eb="41">
      <t>ヨウシキ</t>
    </rPh>
    <phoneticPr fontId="6"/>
  </si>
  <si>
    <t>　　　13 「生活相談員配置等加算」については、「生活相談員配置等加算に係る届出書」（様式36）を添付してください。</t>
    <rPh sb="43" eb="45">
      <t>ヨウシキ</t>
    </rPh>
    <phoneticPr fontId="6"/>
  </si>
  <si>
    <t>　　　14「サービス提供体制強化加算」については、「サービス提供体制強化加算に関する届出書」（様式12-１）～（様式12－５）までのいずれかを添付してください。</t>
    <rPh sb="10" eb="12">
      <t>テイキョウ</t>
    </rPh>
    <rPh sb="12" eb="14">
      <t>タイセイ</t>
    </rPh>
    <rPh sb="14" eb="16">
      <t>キョウカ</t>
    </rPh>
    <rPh sb="16" eb="18">
      <t>カサン</t>
    </rPh>
    <rPh sb="30" eb="32">
      <t>テイキョウ</t>
    </rPh>
    <rPh sb="32" eb="34">
      <t>タイセイ</t>
    </rPh>
    <rPh sb="34" eb="36">
      <t>キョウカ</t>
    </rPh>
    <rPh sb="36" eb="38">
      <t>カサン</t>
    </rPh>
    <rPh sb="39" eb="40">
      <t>カン</t>
    </rPh>
    <rPh sb="42" eb="45">
      <t>トドケデショ</t>
    </rPh>
    <rPh sb="47" eb="49">
      <t>ヨウシキ</t>
    </rPh>
    <rPh sb="56" eb="58">
      <t>ヨウシキ</t>
    </rPh>
    <rPh sb="71" eb="73">
      <t>テンプ</t>
    </rPh>
    <phoneticPr fontId="6"/>
  </si>
  <si>
    <t>注　１　介護老人保健施設に係る届出をした場合には、介護予防短期入所療養介護における届出事項で介護老人保健施設の届出と重複するものの届出は不要です。</t>
    <rPh sb="25" eb="27">
      <t>カイゴ</t>
    </rPh>
    <rPh sb="27" eb="29">
      <t>ヨボウ</t>
    </rPh>
    <phoneticPr fontId="6"/>
  </si>
  <si>
    <t>　　２　介護療養型医療施設に係る届出をした場合には、介護予防短期入所療養介護における届出事項で介護療養型医療施設の届出と重複するものの届出は不要です。</t>
    <rPh sb="26" eb="28">
      <t>カイゴ</t>
    </rPh>
    <rPh sb="28" eb="30">
      <t>ヨボウ</t>
    </rPh>
    <phoneticPr fontId="6"/>
  </si>
  <si>
    <t>　　３　介護医療院に係る届出をした場合には、介護予防短期入所療養介護における届出事項で介護医療院の届出と重複するものの届出は不要です。</t>
    <rPh sb="4" eb="6">
      <t>カイゴ</t>
    </rPh>
    <rPh sb="6" eb="8">
      <t>イリョウ</t>
    </rPh>
    <rPh sb="8" eb="9">
      <t>イン</t>
    </rPh>
    <rPh sb="43" eb="45">
      <t>カイゴ</t>
    </rPh>
    <rPh sb="45" eb="47">
      <t>イリョウ</t>
    </rPh>
    <rPh sb="47" eb="48">
      <t>イン</t>
    </rPh>
    <phoneticPr fontId="6"/>
  </si>
  <si>
    <t>　　４　介護予防短期入所療養介護にあっては、同一の施設区分で事業の実施が複数の病棟にわたる場合は、病棟ごとに届け出てください。</t>
    <rPh sb="4" eb="6">
      <t>カイゴ</t>
    </rPh>
    <rPh sb="6" eb="8">
      <t>ヨボウ</t>
    </rPh>
    <phoneticPr fontId="6"/>
  </si>
  <si>
    <t>　　５　一体的に運営がされている介護サービスに係る届出がされ、別紙等が添付されている場合は、内容の重複する別紙等の添付は不要とすること。</t>
    <rPh sb="4" eb="6">
      <t>イッタイ</t>
    </rPh>
    <rPh sb="6" eb="7">
      <t>テキ</t>
    </rPh>
    <rPh sb="8" eb="10">
      <t>ウンエイ</t>
    </rPh>
    <rPh sb="16" eb="18">
      <t>カイゴ</t>
    </rPh>
    <rPh sb="23" eb="24">
      <t>カカ</t>
    </rPh>
    <rPh sb="25" eb="27">
      <t>トドケデ</t>
    </rPh>
    <rPh sb="31" eb="33">
      <t>ベッシ</t>
    </rPh>
    <rPh sb="33" eb="34">
      <t>トウ</t>
    </rPh>
    <rPh sb="35" eb="37">
      <t>テンプ</t>
    </rPh>
    <rPh sb="42" eb="44">
      <t>バアイ</t>
    </rPh>
    <rPh sb="46" eb="48">
      <t>ナイヨウ</t>
    </rPh>
    <rPh sb="49" eb="51">
      <t>チョウフク</t>
    </rPh>
    <rPh sb="53" eb="55">
      <t>ベッシ</t>
    </rPh>
    <rPh sb="55" eb="56">
      <t>トウ</t>
    </rPh>
    <rPh sb="57" eb="59">
      <t>テンプ</t>
    </rPh>
    <rPh sb="60" eb="62">
      <t>フヨウ</t>
    </rPh>
    <phoneticPr fontId="6"/>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0_ "/>
    <numFmt numFmtId="177" formatCode="####&quot;年&quot;"/>
    <numFmt numFmtId="178" formatCode="#,##0.0;[Red]\-#,##0.0"/>
    <numFmt numFmtId="179" formatCode="0.0"/>
    <numFmt numFmtId="180" formatCode="0.0%"/>
  </numFmts>
  <fonts count="45"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0.5"/>
      <name val="HGSｺﾞｼｯｸM"/>
      <family val="3"/>
      <charset val="128"/>
    </font>
    <font>
      <sz val="14"/>
      <name val="HGSｺﾞｼｯｸM"/>
      <family val="3"/>
      <charset val="128"/>
    </font>
    <font>
      <sz val="11"/>
      <name val="ＭＳ Ｐゴシック"/>
      <family val="3"/>
      <charset val="128"/>
    </font>
    <font>
      <sz val="16"/>
      <name val="HGSｺﾞｼｯｸM"/>
      <family val="3"/>
      <charset val="128"/>
    </font>
    <font>
      <b/>
      <sz val="12"/>
      <name val="HGSｺﾞｼｯｸM"/>
      <family val="3"/>
      <charset val="128"/>
    </font>
    <font>
      <sz val="12"/>
      <name val="HGPｺﾞｼｯｸE"/>
      <family val="3"/>
      <charset val="128"/>
    </font>
    <font>
      <strike/>
      <sz val="11"/>
      <name val="ＭＳ Ｐゴシック"/>
      <family val="3"/>
      <charset val="128"/>
    </font>
    <font>
      <sz val="20"/>
      <name val="HGSｺﾞｼｯｸM"/>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6"/>
      <name val="ＭＳ Ｐゴシック"/>
      <family val="2"/>
      <charset val="128"/>
      <scheme val="minor"/>
    </font>
    <font>
      <b/>
      <u/>
      <sz val="16"/>
      <color theme="1"/>
      <name val="ＭＳ Ｐゴシック"/>
      <family val="3"/>
      <charset val="128"/>
      <scheme val="minor"/>
    </font>
    <font>
      <b/>
      <sz val="11"/>
      <color theme="1"/>
      <name val="ＭＳ Ｐゴシック"/>
      <family val="3"/>
      <charset val="128"/>
      <scheme val="minor"/>
    </font>
    <font>
      <u/>
      <sz val="11"/>
      <color rgb="FFFF0000"/>
      <name val="ＭＳ Ｐゴシック"/>
      <family val="3"/>
      <charset val="128"/>
      <scheme val="minor"/>
    </font>
    <font>
      <sz val="12"/>
      <color theme="1"/>
      <name val="ＭＳ Ｐゴシック"/>
      <family val="2"/>
      <charset val="128"/>
      <scheme val="minor"/>
    </font>
    <font>
      <sz val="8"/>
      <color theme="1"/>
      <name val="ＭＳ Ｐゴシック"/>
      <family val="2"/>
      <charset val="128"/>
      <scheme val="minor"/>
    </font>
    <font>
      <sz val="9"/>
      <color theme="1"/>
      <name val="ＭＳ Ｐゴシック"/>
      <family val="2"/>
      <charset val="128"/>
      <scheme val="minor"/>
    </font>
    <font>
      <sz val="11"/>
      <name val="ＭＳ Ｐゴシック"/>
      <family val="3"/>
      <charset val="128"/>
      <scheme val="minor"/>
    </font>
    <font>
      <sz val="11"/>
      <color theme="1"/>
      <name val="HGSｺﾞｼｯｸM"/>
      <family val="3"/>
      <charset val="128"/>
    </font>
    <font>
      <sz val="11"/>
      <color theme="1"/>
      <name val="ＭＳ Ｐゴシック"/>
      <family val="3"/>
      <charset val="128"/>
    </font>
  </fonts>
  <fills count="36">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
      <patternFill patternType="solid">
        <fgColor theme="0"/>
        <bgColor indexed="64"/>
      </patternFill>
    </fill>
    <fill>
      <patternFill patternType="solid">
        <fgColor rgb="FFFFFFCC"/>
        <bgColor indexed="64"/>
      </patternFill>
    </fill>
    <fill>
      <patternFill patternType="solid">
        <fgColor rgb="FFCCFFFF"/>
        <bgColor indexed="64"/>
      </patternFill>
    </fill>
  </fills>
  <borders count="80">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bottom style="thin">
        <color indexed="64"/>
      </bottom>
      <diagonal/>
    </border>
    <border>
      <left/>
      <right style="dashed">
        <color indexed="64"/>
      </right>
      <top style="thin">
        <color indexed="64"/>
      </top>
      <bottom style="thin">
        <color indexed="64"/>
      </bottom>
      <diagonal/>
    </border>
    <border>
      <left style="thin">
        <color indexed="64"/>
      </left>
      <right style="thin">
        <color indexed="64"/>
      </right>
      <top/>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bottom style="dashed">
        <color indexed="64"/>
      </bottom>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right style="dashed">
        <color indexed="64"/>
      </right>
      <top style="thin">
        <color indexed="64"/>
      </top>
      <bottom/>
      <diagonal/>
    </border>
    <border>
      <left style="thin">
        <color indexed="64"/>
      </left>
      <right/>
      <top style="dashed">
        <color indexed="64"/>
      </top>
      <bottom/>
      <diagonal/>
    </border>
    <border>
      <left style="dashed">
        <color indexed="64"/>
      </left>
      <right/>
      <top/>
      <bottom/>
      <diagonal/>
    </border>
    <border>
      <left/>
      <right style="dashed">
        <color indexed="64"/>
      </right>
      <top style="double">
        <color indexed="64"/>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diagonalUp="1">
      <left style="thin">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style="thin">
        <color indexed="64"/>
      </right>
      <top style="dashed">
        <color indexed="64"/>
      </top>
      <bottom/>
      <diagonal/>
    </border>
    <border diagonalUp="1">
      <left style="thin">
        <color indexed="64"/>
      </left>
      <right style="thin">
        <color indexed="64"/>
      </right>
      <top style="dashed">
        <color indexed="64"/>
      </top>
      <bottom/>
      <diagonal style="thin">
        <color indexed="64"/>
      </diagonal>
    </border>
    <border diagonalUp="1">
      <left style="thin">
        <color indexed="64"/>
      </left>
      <right style="thin">
        <color indexed="64"/>
      </right>
      <top/>
      <bottom style="dashed">
        <color indexed="64"/>
      </bottom>
      <diagonal style="thin">
        <color indexed="64"/>
      </diagonal>
    </border>
    <border>
      <left style="dashed">
        <color indexed="64"/>
      </left>
      <right/>
      <top style="dashed">
        <color indexed="64"/>
      </top>
      <bottom style="dashed">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s>
  <cellStyleXfs count="48">
    <xf numFmtId="0" fontId="0" fillId="0" borderId="0"/>
    <xf numFmtId="0" fontId="18" fillId="4" borderId="0" applyNumberFormat="0" applyBorder="0" applyAlignment="0" applyProtection="0">
      <alignment vertical="center"/>
    </xf>
    <xf numFmtId="0" fontId="18" fillId="5" borderId="0" applyNumberFormat="0" applyBorder="0" applyAlignment="0" applyProtection="0">
      <alignment vertical="center"/>
    </xf>
    <xf numFmtId="0" fontId="18" fillId="6" borderId="0" applyNumberFormat="0" applyBorder="0" applyAlignment="0" applyProtection="0">
      <alignment vertical="center"/>
    </xf>
    <xf numFmtId="0" fontId="18" fillId="7" borderId="0" applyNumberFormat="0" applyBorder="0" applyAlignment="0" applyProtection="0">
      <alignment vertical="center"/>
    </xf>
    <xf numFmtId="0" fontId="18" fillId="8" borderId="0" applyNumberFormat="0" applyBorder="0" applyAlignment="0" applyProtection="0">
      <alignment vertical="center"/>
    </xf>
    <xf numFmtId="0" fontId="18" fillId="9" borderId="0" applyNumberFormat="0" applyBorder="0" applyAlignment="0" applyProtection="0">
      <alignment vertical="center"/>
    </xf>
    <xf numFmtId="0" fontId="18" fillId="10" borderId="0" applyNumberFormat="0" applyBorder="0" applyAlignment="0" applyProtection="0">
      <alignment vertical="center"/>
    </xf>
    <xf numFmtId="0" fontId="18" fillId="11" borderId="0" applyNumberFormat="0" applyBorder="0" applyAlignment="0" applyProtection="0">
      <alignment vertical="center"/>
    </xf>
    <xf numFmtId="0" fontId="18" fillId="12" borderId="0" applyNumberFormat="0" applyBorder="0" applyAlignment="0" applyProtection="0">
      <alignment vertical="center"/>
    </xf>
    <xf numFmtId="0" fontId="18" fillId="13" borderId="0" applyNumberFormat="0" applyBorder="0" applyAlignment="0" applyProtection="0">
      <alignment vertical="center"/>
    </xf>
    <xf numFmtId="0" fontId="18" fillId="14" borderId="0" applyNumberFormat="0" applyBorder="0" applyAlignment="0" applyProtection="0">
      <alignment vertical="center"/>
    </xf>
    <xf numFmtId="0" fontId="18" fillId="15" borderId="0" applyNumberFormat="0" applyBorder="0" applyAlignment="0" applyProtection="0">
      <alignment vertical="center"/>
    </xf>
    <xf numFmtId="0" fontId="19" fillId="16" borderId="0" applyNumberFormat="0" applyBorder="0" applyAlignment="0" applyProtection="0">
      <alignment vertical="center"/>
    </xf>
    <xf numFmtId="0" fontId="19" fillId="17" borderId="0" applyNumberFormat="0" applyBorder="0" applyAlignment="0" applyProtection="0">
      <alignment vertical="center"/>
    </xf>
    <xf numFmtId="0" fontId="19" fillId="18" borderId="0" applyNumberFormat="0" applyBorder="0" applyAlignment="0" applyProtection="0">
      <alignment vertical="center"/>
    </xf>
    <xf numFmtId="0" fontId="19" fillId="19" borderId="0" applyNumberFormat="0" applyBorder="0" applyAlignment="0" applyProtection="0">
      <alignment vertical="center"/>
    </xf>
    <xf numFmtId="0" fontId="19" fillId="20" borderId="0" applyNumberFormat="0" applyBorder="0" applyAlignment="0" applyProtection="0">
      <alignment vertical="center"/>
    </xf>
    <xf numFmtId="0" fontId="19" fillId="21" borderId="0" applyNumberFormat="0" applyBorder="0" applyAlignment="0" applyProtection="0">
      <alignment vertical="center"/>
    </xf>
    <xf numFmtId="0" fontId="19" fillId="22" borderId="0" applyNumberFormat="0" applyBorder="0" applyAlignment="0" applyProtection="0">
      <alignment vertical="center"/>
    </xf>
    <xf numFmtId="0" fontId="19" fillId="23" borderId="0" applyNumberFormat="0" applyBorder="0" applyAlignment="0" applyProtection="0">
      <alignment vertical="center"/>
    </xf>
    <xf numFmtId="0" fontId="19" fillId="24" borderId="0" applyNumberFormat="0" applyBorder="0" applyAlignment="0" applyProtection="0">
      <alignment vertical="center"/>
    </xf>
    <xf numFmtId="0" fontId="19" fillId="25" borderId="0" applyNumberFormat="0" applyBorder="0" applyAlignment="0" applyProtection="0">
      <alignment vertical="center"/>
    </xf>
    <xf numFmtId="0" fontId="19" fillId="26" borderId="0" applyNumberFormat="0" applyBorder="0" applyAlignment="0" applyProtection="0">
      <alignment vertical="center"/>
    </xf>
    <xf numFmtId="0" fontId="19" fillId="27" borderId="0" applyNumberFormat="0" applyBorder="0" applyAlignment="0" applyProtection="0">
      <alignment vertical="center"/>
    </xf>
    <xf numFmtId="0" fontId="20" fillId="0" borderId="0" applyNumberFormat="0" applyFill="0" applyBorder="0" applyAlignment="0" applyProtection="0">
      <alignment vertical="center"/>
    </xf>
    <xf numFmtId="0" fontId="21" fillId="28" borderId="58" applyNumberFormat="0" applyAlignment="0" applyProtection="0">
      <alignment vertical="center"/>
    </xf>
    <xf numFmtId="0" fontId="22" fillId="29" borderId="0" applyNumberFormat="0" applyBorder="0" applyAlignment="0" applyProtection="0">
      <alignment vertical="center"/>
    </xf>
    <xf numFmtId="0" fontId="12" fillId="3" borderId="59" applyNumberFormat="0" applyFont="0" applyAlignment="0" applyProtection="0">
      <alignment vertical="center"/>
    </xf>
    <xf numFmtId="0" fontId="23" fillId="0" borderId="60" applyNumberFormat="0" applyFill="0" applyAlignment="0" applyProtection="0">
      <alignment vertical="center"/>
    </xf>
    <xf numFmtId="0" fontId="24" fillId="30" borderId="0" applyNumberFormat="0" applyBorder="0" applyAlignment="0" applyProtection="0">
      <alignment vertical="center"/>
    </xf>
    <xf numFmtId="0" fontId="25" fillId="31" borderId="61" applyNumberFormat="0" applyAlignment="0" applyProtection="0">
      <alignment vertical="center"/>
    </xf>
    <xf numFmtId="0" fontId="26" fillId="0" borderId="0" applyNumberFormat="0" applyFill="0" applyBorder="0" applyAlignment="0" applyProtection="0">
      <alignment vertical="center"/>
    </xf>
    <xf numFmtId="0" fontId="27" fillId="0" borderId="62" applyNumberFormat="0" applyFill="0" applyAlignment="0" applyProtection="0">
      <alignment vertical="center"/>
    </xf>
    <xf numFmtId="0" fontId="28" fillId="0" borderId="63" applyNumberFormat="0" applyFill="0" applyAlignment="0" applyProtection="0">
      <alignment vertical="center"/>
    </xf>
    <xf numFmtId="0" fontId="29" fillId="0" borderId="64" applyNumberFormat="0" applyFill="0" applyAlignment="0" applyProtection="0">
      <alignment vertical="center"/>
    </xf>
    <xf numFmtId="0" fontId="29" fillId="0" borderId="0" applyNumberFormat="0" applyFill="0" applyBorder="0" applyAlignment="0" applyProtection="0">
      <alignment vertical="center"/>
    </xf>
    <xf numFmtId="0" fontId="30" fillId="0" borderId="65" applyNumberFormat="0" applyFill="0" applyAlignment="0" applyProtection="0">
      <alignment vertical="center"/>
    </xf>
    <xf numFmtId="0" fontId="31" fillId="31" borderId="66" applyNumberFormat="0" applyAlignment="0" applyProtection="0">
      <alignment vertical="center"/>
    </xf>
    <xf numFmtId="0" fontId="32" fillId="0" borderId="0" applyNumberFormat="0" applyFill="0" applyBorder="0" applyAlignment="0" applyProtection="0">
      <alignment vertical="center"/>
    </xf>
    <xf numFmtId="0" fontId="33" fillId="2" borderId="61" applyNumberFormat="0" applyAlignment="0" applyProtection="0">
      <alignment vertical="center"/>
    </xf>
    <xf numFmtId="0" fontId="34" fillId="32" borderId="0" applyNumberFormat="0" applyBorder="0" applyAlignment="0" applyProtection="0">
      <alignment vertical="center"/>
    </xf>
    <xf numFmtId="0" fontId="12" fillId="0" borderId="0"/>
    <xf numFmtId="0" fontId="5" fillId="0" borderId="0">
      <alignment vertical="center"/>
    </xf>
    <xf numFmtId="38" fontId="5" fillId="0" borderId="0" applyFont="0" applyFill="0" applyBorder="0" applyAlignment="0" applyProtection="0">
      <alignment vertical="center"/>
    </xf>
    <xf numFmtId="9" fontId="5" fillId="0" borderId="0" applyFont="0" applyFill="0" applyBorder="0" applyAlignment="0" applyProtection="0">
      <alignment vertical="center"/>
    </xf>
    <xf numFmtId="0" fontId="3" fillId="0" borderId="0">
      <alignment vertical="center"/>
    </xf>
    <xf numFmtId="9" fontId="3" fillId="0" borderId="0" applyFont="0" applyFill="0" applyBorder="0" applyAlignment="0" applyProtection="0">
      <alignment vertical="center"/>
    </xf>
  </cellStyleXfs>
  <cellXfs count="569">
    <xf numFmtId="0" fontId="0" fillId="0" borderId="0" xfId="0" applyAlignment="1"/>
    <xf numFmtId="0" fontId="7" fillId="0" borderId="0" xfId="0" applyFont="1" applyAlignment="1">
      <alignment horizontal="left" vertical="center"/>
    </xf>
    <xf numFmtId="0" fontId="7" fillId="0" borderId="0" xfId="0" applyFont="1" applyAlignment="1">
      <alignment vertical="center"/>
    </xf>
    <xf numFmtId="0" fontId="7" fillId="0" borderId="0" xfId="0" applyFont="1" applyAlignment="1"/>
    <xf numFmtId="0" fontId="7" fillId="0" borderId="1" xfId="0" applyFont="1" applyBorder="1" applyAlignment="1">
      <alignment horizontal="left" vertical="center"/>
    </xf>
    <xf numFmtId="0" fontId="7" fillId="0" borderId="2" xfId="0" applyFont="1" applyBorder="1" applyAlignment="1">
      <alignment horizontal="left" vertical="center"/>
    </xf>
    <xf numFmtId="0" fontId="7" fillId="0" borderId="3" xfId="0" applyFont="1" applyBorder="1" applyAlignment="1">
      <alignment horizontal="left" vertical="center"/>
    </xf>
    <xf numFmtId="0" fontId="7" fillId="0" borderId="4" xfId="0" applyFont="1" applyBorder="1" applyAlignment="1">
      <alignment horizontal="left" vertical="center"/>
    </xf>
    <xf numFmtId="0" fontId="7" fillId="0" borderId="5" xfId="0" applyFont="1" applyBorder="1" applyAlignment="1">
      <alignment horizontal="left" vertical="center"/>
    </xf>
    <xf numFmtId="0" fontId="7" fillId="0" borderId="6" xfId="0" applyFont="1" applyBorder="1" applyAlignment="1">
      <alignment horizontal="left" vertical="center"/>
    </xf>
    <xf numFmtId="0" fontId="7" fillId="0" borderId="7" xfId="0" applyFont="1" applyBorder="1" applyAlignment="1">
      <alignment horizontal="left" vertical="center"/>
    </xf>
    <xf numFmtId="0" fontId="7" fillId="0" borderId="8" xfId="0" applyFont="1" applyBorder="1" applyAlignment="1">
      <alignment horizontal="left" vertical="center"/>
    </xf>
    <xf numFmtId="0" fontId="7" fillId="0" borderId="0" xfId="0" applyFont="1" applyAlignment="1">
      <alignment horizontal="center" vertical="center"/>
    </xf>
    <xf numFmtId="0" fontId="7" fillId="0" borderId="9" xfId="0" applyFont="1" applyBorder="1" applyAlignment="1">
      <alignment horizontal="left" vertical="center"/>
    </xf>
    <xf numFmtId="0" fontId="7" fillId="0" borderId="0" xfId="0" applyFont="1" applyAlignment="1">
      <alignment horizontal="left"/>
    </xf>
    <xf numFmtId="0" fontId="7" fillId="0" borderId="6" xfId="0" applyFont="1" applyBorder="1" applyAlignment="1"/>
    <xf numFmtId="0" fontId="7" fillId="0" borderId="7" xfId="0" applyFont="1" applyBorder="1" applyAlignment="1"/>
    <xf numFmtId="0" fontId="7" fillId="0" borderId="8" xfId="0" applyFont="1" applyBorder="1" applyAlignment="1"/>
    <xf numFmtId="0" fontId="7" fillId="0" borderId="6" xfId="0" applyFont="1" applyBorder="1" applyAlignment="1">
      <alignment horizontal="justify" wrapText="1"/>
    </xf>
    <xf numFmtId="0" fontId="7" fillId="0" borderId="7" xfId="0" applyFont="1" applyBorder="1" applyAlignment="1">
      <alignment horizontal="justify" wrapText="1"/>
    </xf>
    <xf numFmtId="0" fontId="7" fillId="0" borderId="0" xfId="0" applyFont="1" applyBorder="1" applyAlignment="1">
      <alignment horizontal="justify" vertical="center" wrapText="1"/>
    </xf>
    <xf numFmtId="0" fontId="7" fillId="0" borderId="0" xfId="0" applyFont="1" applyAlignment="1">
      <alignment horizontal="left" vertical="center" wrapText="1"/>
    </xf>
    <xf numFmtId="0" fontId="7" fillId="0" borderId="4" xfId="0" applyFont="1" applyBorder="1" applyAlignment="1">
      <alignment vertical="center"/>
    </xf>
    <xf numFmtId="0" fontId="7" fillId="0" borderId="1" xfId="0" applyFont="1" applyBorder="1" applyAlignment="1">
      <alignment vertical="center"/>
    </xf>
    <xf numFmtId="0" fontId="7" fillId="0" borderId="6" xfId="0" applyFont="1" applyBorder="1" applyAlignment="1">
      <alignment horizontal="justify" vertical="center"/>
    </xf>
    <xf numFmtId="0" fontId="7" fillId="0" borderId="7" xfId="0" applyFont="1" applyBorder="1" applyAlignment="1">
      <alignment horizontal="justify" vertical="center"/>
    </xf>
    <xf numFmtId="0" fontId="7" fillId="0" borderId="8" xfId="0" applyFont="1" applyBorder="1" applyAlignment="1">
      <alignment horizontal="justify" vertical="center"/>
    </xf>
    <xf numFmtId="0" fontId="7" fillId="0" borderId="0" xfId="0" applyFont="1" applyBorder="1" applyAlignment="1">
      <alignment horizontal="left" wrapText="1"/>
    </xf>
    <xf numFmtId="0" fontId="7" fillId="0" borderId="3" xfId="0" applyFont="1" applyBorder="1" applyAlignment="1">
      <alignment horizontal="justify" vertical="center"/>
    </xf>
    <xf numFmtId="0" fontId="7" fillId="0" borderId="6" xfId="0" applyFont="1" applyBorder="1" applyAlignment="1">
      <alignment horizontal="justify"/>
    </xf>
    <xf numFmtId="0" fontId="7" fillId="0" borderId="7" xfId="0" applyFont="1" applyBorder="1" applyAlignment="1">
      <alignment horizontal="justify"/>
    </xf>
    <xf numFmtId="0" fontId="7" fillId="0" borderId="8" xfId="0" applyFont="1" applyBorder="1" applyAlignment="1">
      <alignment horizontal="justify"/>
    </xf>
    <xf numFmtId="0" fontId="7" fillId="0" borderId="4" xfId="0" applyFont="1" applyBorder="1" applyAlignment="1">
      <alignment horizontal="justify" vertical="center"/>
    </xf>
    <xf numFmtId="0" fontId="7" fillId="0" borderId="1" xfId="0" applyFont="1" applyBorder="1" applyAlignment="1">
      <alignment horizontal="justify" vertical="center"/>
    </xf>
    <xf numFmtId="0" fontId="7" fillId="0" borderId="4" xfId="0" applyFont="1" applyBorder="1" applyAlignment="1">
      <alignment horizontal="justify" wrapText="1"/>
    </xf>
    <xf numFmtId="0" fontId="7" fillId="0" borderId="1" xfId="0" applyFont="1" applyBorder="1" applyAlignment="1">
      <alignment horizontal="justify" wrapText="1"/>
    </xf>
    <xf numFmtId="0" fontId="7" fillId="0" borderId="8" xfId="0" applyFont="1" applyBorder="1" applyAlignment="1">
      <alignment horizontal="justify" wrapText="1"/>
    </xf>
    <xf numFmtId="0" fontId="7" fillId="0" borderId="10" xfId="0" applyFont="1" applyBorder="1" applyAlignment="1">
      <alignment horizontal="justify" wrapText="1"/>
    </xf>
    <xf numFmtId="0" fontId="7" fillId="0" borderId="9" xfId="0" applyFont="1" applyBorder="1" applyAlignment="1">
      <alignment horizontal="justify" wrapText="1"/>
    </xf>
    <xf numFmtId="0" fontId="7" fillId="0" borderId="9" xfId="0" applyFont="1" applyBorder="1" applyAlignment="1"/>
    <xf numFmtId="0" fontId="7" fillId="0" borderId="11" xfId="0" applyFont="1" applyBorder="1" applyAlignment="1">
      <alignment horizontal="left"/>
    </xf>
    <xf numFmtId="0" fontId="7" fillId="0" borderId="3" xfId="0" applyFont="1" applyBorder="1" applyAlignment="1">
      <alignment vertical="center"/>
    </xf>
    <xf numFmtId="0" fontId="7" fillId="0" borderId="12" xfId="0" applyFont="1" applyBorder="1" applyAlignment="1">
      <alignment vertical="center"/>
    </xf>
    <xf numFmtId="0" fontId="7" fillId="0" borderId="13" xfId="0" applyFont="1" applyBorder="1" applyAlignment="1">
      <alignment vertical="center"/>
    </xf>
    <xf numFmtId="0" fontId="7" fillId="0" borderId="14" xfId="0" applyFont="1" applyBorder="1" applyAlignment="1">
      <alignment vertical="center"/>
    </xf>
    <xf numFmtId="0" fontId="7" fillId="0" borderId="0" xfId="0" applyFont="1" applyAlignment="1">
      <alignment horizontal="right" vertical="center"/>
    </xf>
    <xf numFmtId="0" fontId="9" fillId="0" borderId="0" xfId="0" applyFont="1" applyAlignment="1">
      <alignment horizontal="justify"/>
    </xf>
    <xf numFmtId="0" fontId="7" fillId="0" borderId="7" xfId="0" applyFont="1" applyBorder="1" applyAlignment="1">
      <alignment horizontal="left"/>
    </xf>
    <xf numFmtId="0" fontId="7" fillId="0" borderId="7" xfId="0" applyFont="1" applyBorder="1" applyAlignment="1">
      <alignment horizontal="left" wrapText="1"/>
    </xf>
    <xf numFmtId="0" fontId="7" fillId="0" borderId="4" xfId="0" applyFont="1" applyBorder="1" applyAlignment="1">
      <alignment horizontal="left"/>
    </xf>
    <xf numFmtId="0" fontId="7" fillId="0" borderId="1" xfId="0" applyFont="1" applyBorder="1" applyAlignment="1">
      <alignment horizontal="left"/>
    </xf>
    <xf numFmtId="0" fontId="7" fillId="0" borderId="5" xfId="0" applyFont="1" applyBorder="1" applyAlignment="1">
      <alignment horizontal="left"/>
    </xf>
    <xf numFmtId="0" fontId="7" fillId="0" borderId="15" xfId="0" applyFont="1" applyBorder="1" applyAlignment="1">
      <alignment horizontal="left"/>
    </xf>
    <xf numFmtId="0" fontId="7" fillId="0" borderId="3" xfId="0" applyFont="1" applyBorder="1" applyAlignment="1">
      <alignment horizontal="left"/>
    </xf>
    <xf numFmtId="0" fontId="7" fillId="0" borderId="16" xfId="0" applyFont="1" applyBorder="1" applyAlignment="1">
      <alignment horizontal="left"/>
    </xf>
    <xf numFmtId="0" fontId="7" fillId="0" borderId="0" xfId="0" applyFont="1" applyBorder="1" applyAlignment="1">
      <alignment horizontal="left"/>
    </xf>
    <xf numFmtId="0" fontId="7" fillId="0" borderId="17" xfId="0" applyFont="1" applyBorder="1" applyAlignment="1">
      <alignment horizontal="left"/>
    </xf>
    <xf numFmtId="0" fontId="7" fillId="0" borderId="3" xfId="0" applyFont="1" applyBorder="1" applyAlignment="1"/>
    <xf numFmtId="0" fontId="7" fillId="0" borderId="4" xfId="0" applyFont="1" applyBorder="1" applyAlignment="1"/>
    <xf numFmtId="0" fontId="7" fillId="0" borderId="1" xfId="0" applyFont="1" applyBorder="1" applyAlignment="1"/>
    <xf numFmtId="0" fontId="7" fillId="0" borderId="5" xfId="0" applyFont="1" applyBorder="1" applyAlignment="1"/>
    <xf numFmtId="0" fontId="7" fillId="0" borderId="15" xfId="0" applyFont="1" applyBorder="1" applyAlignment="1"/>
    <xf numFmtId="0" fontId="7" fillId="0" borderId="18" xfId="0" applyFont="1" applyBorder="1" applyAlignment="1">
      <alignment horizontal="center" vertical="center" textRotation="255"/>
    </xf>
    <xf numFmtId="0" fontId="7" fillId="0" borderId="19" xfId="0" applyFont="1" applyBorder="1" applyAlignment="1">
      <alignment horizontal="justify" wrapText="1"/>
    </xf>
    <xf numFmtId="0" fontId="7" fillId="0" borderId="19" xfId="0" applyFont="1" applyBorder="1" applyAlignment="1">
      <alignment horizontal="left" vertical="center"/>
    </xf>
    <xf numFmtId="0" fontId="7" fillId="0" borderId="20" xfId="0" applyFont="1" applyBorder="1" applyAlignment="1">
      <alignment horizontal="left" vertical="center"/>
    </xf>
    <xf numFmtId="0" fontId="7" fillId="0" borderId="6" xfId="0" applyFont="1" applyBorder="1" applyAlignment="1">
      <alignment horizontal="center" vertical="center" textRotation="255"/>
    </xf>
    <xf numFmtId="0" fontId="7" fillId="0" borderId="4" xfId="0" applyFont="1" applyBorder="1" applyAlignment="1">
      <alignment horizontal="justify"/>
    </xf>
    <xf numFmtId="0" fontId="7" fillId="0" borderId="5" xfId="0" applyFont="1" applyBorder="1" applyAlignment="1">
      <alignment horizontal="justify"/>
    </xf>
    <xf numFmtId="0" fontId="7" fillId="0" borderId="6" xfId="0" applyFont="1" applyBorder="1" applyAlignment="1">
      <alignment horizontal="center" vertical="center" textRotation="255" wrapText="1"/>
    </xf>
    <xf numFmtId="0" fontId="7" fillId="0" borderId="3" xfId="0" applyFont="1" applyBorder="1" applyAlignment="1">
      <alignment horizontal="center" vertical="center" textRotation="255" wrapText="1"/>
    </xf>
    <xf numFmtId="0" fontId="7" fillId="0" borderId="20" xfId="0" applyFont="1" applyBorder="1" applyAlignment="1">
      <alignment horizontal="justify" wrapText="1"/>
    </xf>
    <xf numFmtId="0" fontId="7" fillId="0" borderId="21" xfId="0" applyFont="1" applyBorder="1" applyAlignment="1">
      <alignment horizontal="center" vertical="center" textRotation="255" wrapText="1"/>
    </xf>
    <xf numFmtId="0" fontId="7" fillId="0" borderId="22" xfId="0" applyFont="1" applyBorder="1" applyAlignment="1">
      <alignment horizontal="justify" wrapText="1"/>
    </xf>
    <xf numFmtId="0" fontId="7" fillId="0" borderId="23" xfId="0" applyFont="1" applyBorder="1" applyAlignment="1">
      <alignment horizontal="justify" wrapText="1"/>
    </xf>
    <xf numFmtId="0" fontId="7" fillId="0" borderId="24" xfId="0" applyFont="1" applyBorder="1" applyAlignment="1">
      <alignment horizontal="justify" wrapText="1"/>
    </xf>
    <xf numFmtId="0" fontId="7" fillId="0" borderId="21" xfId="0" applyFont="1" applyBorder="1" applyAlignment="1">
      <alignment horizontal="left" vertical="center"/>
    </xf>
    <xf numFmtId="0" fontId="7" fillId="0" borderId="23" xfId="0" applyFont="1" applyBorder="1" applyAlignment="1">
      <alignment horizontal="justify"/>
    </xf>
    <xf numFmtId="0" fontId="7" fillId="0" borderId="23" xfId="0" applyFont="1" applyBorder="1" applyAlignment="1"/>
    <xf numFmtId="0" fontId="7" fillId="0" borderId="24" xfId="0" applyFont="1" applyBorder="1" applyAlignment="1"/>
    <xf numFmtId="0" fontId="7" fillId="0" borderId="3" xfId="0" applyFont="1" applyBorder="1" applyAlignment="1">
      <alignment horizontal="justify" wrapText="1"/>
    </xf>
    <xf numFmtId="0" fontId="7" fillId="0" borderId="25" xfId="0" applyFont="1" applyBorder="1" applyAlignment="1">
      <alignment horizontal="left" vertical="center"/>
    </xf>
    <xf numFmtId="0" fontId="7" fillId="0" borderId="21" xfId="0" applyFont="1" applyBorder="1" applyAlignment="1">
      <alignment horizontal="justify" wrapText="1"/>
    </xf>
    <xf numFmtId="0" fontId="7" fillId="0" borderId="24" xfId="0" applyFont="1" applyBorder="1" applyAlignment="1">
      <alignment horizontal="left" vertical="center"/>
    </xf>
    <xf numFmtId="0" fontId="7" fillId="0" borderId="26" xfId="0" applyFont="1" applyBorder="1" applyAlignment="1">
      <alignment horizontal="left" vertical="center"/>
    </xf>
    <xf numFmtId="0" fontId="7" fillId="0" borderId="21" xfId="0" applyFont="1" applyBorder="1" applyAlignment="1"/>
    <xf numFmtId="0" fontId="7" fillId="0" borderId="0" xfId="0" applyFont="1" applyFill="1" applyAlignment="1">
      <alignment horizontal="left" vertical="center"/>
    </xf>
    <xf numFmtId="0" fontId="13" fillId="0" borderId="0" xfId="0" applyFont="1" applyFill="1" applyBorder="1" applyAlignment="1">
      <alignment horizontal="left" vertical="center"/>
    </xf>
    <xf numFmtId="0" fontId="7" fillId="0" borderId="0" xfId="0" applyFont="1" applyFill="1" applyAlignment="1"/>
    <xf numFmtId="0" fontId="7" fillId="0" borderId="0" xfId="0" applyFont="1" applyFill="1" applyAlignment="1">
      <alignment vertical="center"/>
    </xf>
    <xf numFmtId="0" fontId="16" fillId="0" borderId="0" xfId="0" applyFont="1" applyFill="1" applyAlignment="1">
      <alignment horizontal="left" vertical="center"/>
    </xf>
    <xf numFmtId="0" fontId="7" fillId="0" borderId="5" xfId="0" applyFont="1" applyFill="1" applyBorder="1" applyAlignment="1">
      <alignment vertical="center"/>
    </xf>
    <xf numFmtId="0" fontId="7" fillId="0" borderId="16" xfId="0" applyFont="1" applyFill="1" applyBorder="1" applyAlignment="1">
      <alignment vertical="center" wrapText="1"/>
    </xf>
    <xf numFmtId="0" fontId="7" fillId="0" borderId="0" xfId="0" applyFont="1" applyFill="1" applyAlignment="1">
      <alignment vertical="top"/>
    </xf>
    <xf numFmtId="0" fontId="7" fillId="0" borderId="0" xfId="0" applyFont="1" applyFill="1" applyBorder="1" applyAlignment="1"/>
    <xf numFmtId="0" fontId="0" fillId="0" borderId="0" xfId="0" applyFont="1" applyFill="1" applyAlignment="1">
      <alignment horizontal="left" vertical="center"/>
    </xf>
    <xf numFmtId="0" fontId="7" fillId="0" borderId="1" xfId="0" applyFont="1" applyFill="1" applyBorder="1" applyAlignment="1"/>
    <xf numFmtId="0" fontId="7" fillId="0" borderId="27" xfId="0" applyFont="1" applyFill="1" applyBorder="1" applyAlignment="1"/>
    <xf numFmtId="0" fontId="7" fillId="0" borderId="5" xfId="0" applyFont="1" applyFill="1" applyBorder="1" applyAlignment="1"/>
    <xf numFmtId="0" fontId="7" fillId="0" borderId="15" xfId="0" applyFont="1" applyFill="1" applyBorder="1" applyAlignment="1"/>
    <xf numFmtId="14" fontId="7" fillId="0" borderId="0" xfId="0" applyNumberFormat="1" applyFont="1" applyFill="1" applyAlignment="1">
      <alignment horizontal="left" vertical="center"/>
    </xf>
    <xf numFmtId="0" fontId="16" fillId="0" borderId="0" xfId="0" applyFont="1" applyFill="1" applyAlignment="1">
      <alignment horizontal="center" vertical="center"/>
    </xf>
    <xf numFmtId="0" fontId="14" fillId="0" borderId="0" xfId="0" applyFont="1" applyFill="1" applyBorder="1" applyAlignment="1">
      <alignment horizontal="left" vertical="center"/>
    </xf>
    <xf numFmtId="0" fontId="0" fillId="0" borderId="0" xfId="0" applyFont="1" applyFill="1" applyAlignment="1">
      <alignment horizontal="center" vertical="center"/>
    </xf>
    <xf numFmtId="0" fontId="0" fillId="0" borderId="0" xfId="0" applyFont="1" applyFill="1" applyAlignment="1"/>
    <xf numFmtId="0" fontId="10" fillId="0" borderId="2" xfId="0" applyFont="1" applyFill="1" applyBorder="1" applyAlignment="1">
      <alignment horizontal="center" vertical="center" wrapText="1"/>
    </xf>
    <xf numFmtId="0" fontId="10" fillId="0" borderId="6" xfId="0" applyFont="1" applyFill="1" applyBorder="1" applyAlignment="1">
      <alignment horizontal="center" vertical="center" wrapText="1"/>
    </xf>
    <xf numFmtId="0" fontId="10" fillId="0" borderId="25" xfId="0" applyFont="1" applyFill="1" applyBorder="1" applyAlignment="1">
      <alignment horizontal="center" vertical="center" wrapText="1"/>
    </xf>
    <xf numFmtId="0" fontId="7" fillId="0" borderId="3" xfId="0" applyFont="1" applyFill="1" applyBorder="1" applyAlignment="1">
      <alignment vertical="center"/>
    </xf>
    <xf numFmtId="0" fontId="7" fillId="0" borderId="4" xfId="0" applyFont="1" applyFill="1" applyBorder="1" applyAlignment="1">
      <alignment vertical="center"/>
    </xf>
    <xf numFmtId="0" fontId="7" fillId="0" borderId="1" xfId="0" applyFont="1" applyFill="1" applyBorder="1" applyAlignment="1">
      <alignment vertical="center"/>
    </xf>
    <xf numFmtId="0" fontId="7" fillId="0" borderId="13" xfId="0" applyFont="1" applyFill="1" applyBorder="1" applyAlignment="1">
      <alignment vertical="center"/>
    </xf>
    <xf numFmtId="0" fontId="7" fillId="0" borderId="14" xfId="0" applyFont="1" applyFill="1" applyBorder="1" applyAlignment="1">
      <alignment vertical="center"/>
    </xf>
    <xf numFmtId="0" fontId="10" fillId="0" borderId="0" xfId="0" applyFont="1" applyFill="1" applyAlignment="1">
      <alignment horizontal="left"/>
    </xf>
    <xf numFmtId="0" fontId="10" fillId="0" borderId="0" xfId="0" applyFont="1" applyFill="1" applyAlignment="1">
      <alignment horizontal="justify"/>
    </xf>
    <xf numFmtId="0" fontId="10" fillId="0" borderId="0" xfId="0" applyFont="1" applyFill="1" applyAlignment="1">
      <alignment vertical="top"/>
    </xf>
    <xf numFmtId="0" fontId="10" fillId="0" borderId="6" xfId="0" applyFont="1" applyFill="1" applyBorder="1" applyAlignment="1">
      <alignment horizontal="center" vertical="center"/>
    </xf>
    <xf numFmtId="0" fontId="10" fillId="0" borderId="2" xfId="0" applyFont="1" applyFill="1" applyBorder="1" applyAlignment="1">
      <alignment horizontal="center" vertical="center"/>
    </xf>
    <xf numFmtId="0" fontId="10" fillId="0" borderId="2" xfId="0" applyFont="1" applyFill="1" applyBorder="1" applyAlignment="1">
      <alignment horizontal="justify" vertical="center"/>
    </xf>
    <xf numFmtId="0" fontId="10" fillId="0" borderId="6" xfId="0" applyFont="1" applyFill="1" applyBorder="1" applyAlignment="1">
      <alignment horizontal="justify" vertical="center"/>
    </xf>
    <xf numFmtId="0" fontId="10" fillId="0" borderId="2" xfId="0" applyFont="1" applyFill="1" applyBorder="1" applyAlignment="1">
      <alignment horizontal="justify" vertical="center" wrapText="1"/>
    </xf>
    <xf numFmtId="0" fontId="10" fillId="0" borderId="6" xfId="0" applyFont="1" applyFill="1" applyBorder="1" applyAlignment="1">
      <alignment horizontal="justify" vertical="center" wrapText="1"/>
    </xf>
    <xf numFmtId="0" fontId="10" fillId="0" borderId="34" xfId="0" applyFont="1" applyFill="1" applyBorder="1" applyAlignment="1">
      <alignment horizontal="justify" vertical="top" wrapText="1"/>
    </xf>
    <xf numFmtId="0" fontId="10" fillId="0" borderId="2" xfId="0" applyFont="1" applyFill="1" applyBorder="1" applyAlignment="1">
      <alignment horizontal="justify" vertical="top" wrapText="1"/>
    </xf>
    <xf numFmtId="0" fontId="10" fillId="0" borderId="25" xfId="0" applyFont="1" applyFill="1" applyBorder="1" applyAlignment="1">
      <alignment horizontal="justify" vertical="top" wrapText="1"/>
    </xf>
    <xf numFmtId="0" fontId="10" fillId="0" borderId="3" xfId="0" applyFont="1" applyFill="1" applyBorder="1" applyAlignment="1">
      <alignment horizontal="justify" vertical="top" wrapText="1"/>
    </xf>
    <xf numFmtId="0" fontId="10" fillId="0" borderId="4" xfId="0" applyFont="1" applyFill="1" applyBorder="1" applyAlignment="1">
      <alignment horizontal="justify" vertical="top" wrapText="1"/>
    </xf>
    <xf numFmtId="0" fontId="10" fillId="0" borderId="17" xfId="0" applyFont="1" applyFill="1" applyBorder="1" applyAlignment="1">
      <alignment horizontal="left"/>
    </xf>
    <xf numFmtId="0" fontId="10" fillId="0" borderId="0" xfId="0" applyFont="1" applyFill="1" applyBorder="1" applyAlignment="1"/>
    <xf numFmtId="0" fontId="10" fillId="0" borderId="27" xfId="0" applyFont="1" applyFill="1" applyBorder="1" applyAlignment="1">
      <alignment horizontal="justify" vertical="top" wrapText="1"/>
    </xf>
    <xf numFmtId="0" fontId="10" fillId="0" borderId="0" xfId="0" applyFont="1" applyFill="1" applyBorder="1" applyAlignment="1">
      <alignment horizontal="justify" vertical="top" wrapText="1"/>
    </xf>
    <xf numFmtId="0" fontId="10" fillId="0" borderId="16" xfId="0" applyFont="1" applyFill="1" applyBorder="1" applyAlignment="1">
      <alignment horizontal="left"/>
    </xf>
    <xf numFmtId="0" fontId="10" fillId="0" borderId="0" xfId="0" applyFont="1" applyFill="1" applyBorder="1" applyAlignment="1">
      <alignment horizontal="left"/>
    </xf>
    <xf numFmtId="0" fontId="15" fillId="0" borderId="0" xfId="0" applyFont="1" applyFill="1" applyAlignment="1">
      <alignment horizontal="left" vertical="center"/>
    </xf>
    <xf numFmtId="0" fontId="17" fillId="0" borderId="0" xfId="0" applyFont="1" applyFill="1" applyAlignment="1">
      <alignment vertical="center"/>
    </xf>
    <xf numFmtId="0" fontId="10" fillId="0" borderId="26" xfId="0" applyFont="1" applyFill="1" applyBorder="1" applyAlignment="1">
      <alignment horizontal="center" vertical="center" wrapText="1"/>
    </xf>
    <xf numFmtId="176" fontId="8" fillId="0" borderId="2" xfId="0" applyNumberFormat="1" applyFont="1" applyFill="1" applyBorder="1" applyAlignment="1">
      <alignment horizontal="center" vertical="center" wrapText="1"/>
    </xf>
    <xf numFmtId="0" fontId="7" fillId="0" borderId="3" xfId="0" applyFont="1" applyFill="1" applyBorder="1" applyAlignment="1">
      <alignment vertical="center" wrapText="1"/>
    </xf>
    <xf numFmtId="0" fontId="7" fillId="0" borderId="0" xfId="0" applyFont="1" applyFill="1" applyBorder="1" applyAlignment="1">
      <alignment vertical="top"/>
    </xf>
    <xf numFmtId="0" fontId="7" fillId="0" borderId="27" xfId="0" applyFont="1" applyFill="1" applyBorder="1" applyAlignment="1">
      <alignment vertical="center"/>
    </xf>
    <xf numFmtId="0" fontId="7" fillId="0" borderId="17" xfId="0" applyFont="1" applyFill="1" applyBorder="1" applyAlignment="1">
      <alignment vertical="top"/>
    </xf>
    <xf numFmtId="0" fontId="7" fillId="0" borderId="27" xfId="0" applyFont="1" applyFill="1" applyBorder="1" applyAlignment="1">
      <alignment vertical="top"/>
    </xf>
    <xf numFmtId="0" fontId="7" fillId="0" borderId="0" xfId="0" applyFont="1" applyFill="1" applyBorder="1" applyAlignment="1">
      <alignment horizontal="center" vertical="center"/>
    </xf>
    <xf numFmtId="0" fontId="7" fillId="0" borderId="0" xfId="0" applyFont="1" applyFill="1" applyBorder="1" applyAlignment="1">
      <alignment vertical="center"/>
    </xf>
    <xf numFmtId="0" fontId="7" fillId="0" borderId="28" xfId="0" applyFont="1" applyFill="1" applyBorder="1" applyAlignment="1">
      <alignment horizontal="left" vertical="center" wrapText="1"/>
    </xf>
    <xf numFmtId="0" fontId="7" fillId="0" borderId="29" xfId="0" applyFont="1" applyFill="1" applyBorder="1" applyAlignment="1">
      <alignment horizontal="left" vertical="center" shrinkToFit="1"/>
    </xf>
    <xf numFmtId="0" fontId="7" fillId="0" borderId="29" xfId="0" applyFont="1" applyFill="1" applyBorder="1" applyAlignment="1">
      <alignment horizontal="left" vertical="center" wrapText="1" shrinkToFit="1"/>
    </xf>
    <xf numFmtId="0" fontId="7" fillId="0" borderId="0" xfId="0" applyFont="1" applyFill="1" applyAlignment="1">
      <alignment horizontal="left" vertical="center"/>
    </xf>
    <xf numFmtId="0" fontId="7" fillId="0" borderId="0" xfId="0" applyFont="1" applyFill="1" applyBorder="1" applyAlignment="1">
      <alignment horizontal="left" vertical="center"/>
    </xf>
    <xf numFmtId="0" fontId="7" fillId="0" borderId="0" xfId="0" applyFont="1" applyFill="1" applyAlignment="1">
      <alignment horizontal="center" vertical="center"/>
    </xf>
    <xf numFmtId="0" fontId="7" fillId="0" borderId="27" xfId="0" applyFont="1" applyFill="1" applyBorder="1" applyAlignment="1">
      <alignment vertical="center" wrapText="1"/>
    </xf>
    <xf numFmtId="0" fontId="7" fillId="0" borderId="5" xfId="0" applyFont="1" applyFill="1" applyBorder="1" applyAlignment="1">
      <alignment vertical="center" wrapText="1"/>
    </xf>
    <xf numFmtId="0" fontId="7" fillId="0" borderId="15" xfId="0" applyFont="1" applyFill="1" applyBorder="1" applyAlignment="1">
      <alignment vertical="center" wrapText="1"/>
    </xf>
    <xf numFmtId="0" fontId="7" fillId="0" borderId="3" xfId="0" applyFont="1" applyFill="1" applyBorder="1" applyAlignment="1">
      <alignment horizontal="left" vertical="center"/>
    </xf>
    <xf numFmtId="0" fontId="7" fillId="0" borderId="4" xfId="0" applyFont="1" applyFill="1" applyBorder="1" applyAlignment="1">
      <alignment horizontal="left" vertical="center"/>
    </xf>
    <xf numFmtId="0" fontId="7" fillId="0" borderId="1" xfId="0" applyFont="1" applyFill="1" applyBorder="1" applyAlignment="1">
      <alignment horizontal="left" vertical="center"/>
    </xf>
    <xf numFmtId="0" fontId="7" fillId="0" borderId="16" xfId="0" applyFont="1" applyFill="1" applyBorder="1" applyAlignment="1">
      <alignment horizontal="left" vertical="center"/>
    </xf>
    <xf numFmtId="0" fontId="7" fillId="0" borderId="15" xfId="0" applyFont="1" applyFill="1" applyBorder="1" applyAlignment="1">
      <alignment horizontal="left" vertical="center"/>
    </xf>
    <xf numFmtId="0" fontId="7" fillId="0" borderId="0" xfId="0" applyFont="1" applyFill="1" applyAlignment="1">
      <alignment horizontal="center"/>
    </xf>
    <xf numFmtId="0" fontId="7" fillId="0" borderId="4" xfId="0" applyFont="1" applyFill="1" applyBorder="1" applyAlignment="1">
      <alignment vertical="center" wrapText="1"/>
    </xf>
    <xf numFmtId="0" fontId="7" fillId="0" borderId="30" xfId="0" applyFont="1" applyFill="1" applyBorder="1" applyAlignment="1">
      <alignment horizontal="left" vertical="center"/>
    </xf>
    <xf numFmtId="0" fontId="7" fillId="0" borderId="0" xfId="0" applyFont="1" applyFill="1" applyAlignment="1">
      <alignment horizontal="left" vertical="center"/>
    </xf>
    <xf numFmtId="0" fontId="7" fillId="0" borderId="25" xfId="0" applyFont="1" applyFill="1" applyBorder="1" applyAlignment="1">
      <alignment vertical="center"/>
    </xf>
    <xf numFmtId="0" fontId="7" fillId="0" borderId="33" xfId="0" applyFont="1" applyFill="1" applyBorder="1" applyAlignment="1">
      <alignment vertical="center"/>
    </xf>
    <xf numFmtId="0" fontId="7" fillId="0" borderId="31" xfId="0" applyFont="1" applyFill="1" applyBorder="1" applyAlignment="1">
      <alignment vertical="center"/>
    </xf>
    <xf numFmtId="0" fontId="0" fillId="0" borderId="40" xfId="0" applyFont="1" applyFill="1" applyBorder="1" applyAlignment="1">
      <alignment horizontal="left" vertical="center"/>
    </xf>
    <xf numFmtId="0" fontId="0" fillId="0" borderId="43" xfId="0" applyFont="1" applyFill="1" applyBorder="1" applyAlignment="1">
      <alignment horizontal="left" vertical="center"/>
    </xf>
    <xf numFmtId="0" fontId="0" fillId="0" borderId="13" xfId="0" applyFont="1" applyFill="1" applyBorder="1" applyAlignment="1">
      <alignment horizontal="left" vertical="center"/>
    </xf>
    <xf numFmtId="0" fontId="0" fillId="0" borderId="14" xfId="0" applyFont="1" applyFill="1" applyBorder="1" applyAlignment="1">
      <alignment horizontal="left" vertical="center"/>
    </xf>
    <xf numFmtId="0" fontId="7" fillId="0" borderId="40" xfId="0" applyFont="1" applyFill="1" applyBorder="1" applyAlignment="1">
      <alignment horizontal="left" vertical="center"/>
    </xf>
    <xf numFmtId="0" fontId="7" fillId="0" borderId="17" xfId="0" applyFont="1" applyFill="1" applyBorder="1" applyAlignment="1">
      <alignment horizontal="left" vertical="center"/>
    </xf>
    <xf numFmtId="0" fontId="7" fillId="0" borderId="0" xfId="0" applyFont="1" applyFill="1" applyBorder="1" applyAlignment="1">
      <alignment horizontal="left" vertical="center"/>
    </xf>
    <xf numFmtId="0" fontId="7" fillId="0" borderId="27" xfId="0" applyFont="1" applyFill="1" applyBorder="1" applyAlignment="1">
      <alignment horizontal="left" vertical="center"/>
    </xf>
    <xf numFmtId="0" fontId="7" fillId="0" borderId="28" xfId="0" applyFont="1" applyFill="1" applyBorder="1" applyAlignment="1">
      <alignment vertical="center" wrapText="1"/>
    </xf>
    <xf numFmtId="0" fontId="7" fillId="0" borderId="0" xfId="0" applyFont="1" applyFill="1" applyAlignment="1">
      <alignment horizontal="center" vertical="center"/>
    </xf>
    <xf numFmtId="0" fontId="7" fillId="0" borderId="1" xfId="0" applyFont="1" applyFill="1" applyBorder="1" applyAlignment="1">
      <alignment vertical="center" wrapText="1"/>
    </xf>
    <xf numFmtId="0" fontId="0" fillId="0" borderId="45" xfId="0" applyFont="1" applyFill="1" applyBorder="1" applyAlignment="1">
      <alignment horizontal="left" vertical="center"/>
    </xf>
    <xf numFmtId="0" fontId="0" fillId="0" borderId="46" xfId="0" applyFont="1" applyFill="1" applyBorder="1" applyAlignment="1">
      <alignment horizontal="left" vertical="center"/>
    </xf>
    <xf numFmtId="0" fontId="0" fillId="0" borderId="52" xfId="0" applyFont="1" applyFill="1" applyBorder="1" applyAlignment="1">
      <alignment horizontal="left" vertical="center"/>
    </xf>
    <xf numFmtId="0" fontId="0" fillId="0" borderId="53" xfId="0" applyFont="1" applyFill="1" applyBorder="1" applyAlignment="1">
      <alignment horizontal="left" vertical="center"/>
    </xf>
    <xf numFmtId="0" fontId="7" fillId="0" borderId="40" xfId="0" applyFont="1" applyFill="1" applyBorder="1" applyAlignment="1">
      <alignment vertical="center"/>
    </xf>
    <xf numFmtId="0" fontId="0" fillId="0" borderId="4" xfId="0" applyFont="1" applyFill="1" applyBorder="1" applyAlignment="1">
      <alignment vertical="center"/>
    </xf>
    <xf numFmtId="0" fontId="0" fillId="0" borderId="43" xfId="0" applyFont="1" applyFill="1" applyBorder="1" applyAlignment="1">
      <alignment vertical="center"/>
    </xf>
    <xf numFmtId="0" fontId="0" fillId="0" borderId="44" xfId="0" applyFont="1" applyFill="1" applyBorder="1" applyAlignment="1">
      <alignment vertical="center"/>
    </xf>
    <xf numFmtId="0" fontId="7" fillId="0" borderId="43" xfId="0" applyFont="1" applyFill="1" applyBorder="1" applyAlignment="1">
      <alignment vertical="center"/>
    </xf>
    <xf numFmtId="0" fontId="7" fillId="0" borderId="44" xfId="0" applyFont="1" applyFill="1" applyBorder="1" applyAlignment="1">
      <alignment vertical="center"/>
    </xf>
    <xf numFmtId="0" fontId="7" fillId="0" borderId="45" xfId="0" applyFont="1" applyFill="1" applyBorder="1" applyAlignment="1">
      <alignment vertical="center"/>
    </xf>
    <xf numFmtId="0" fontId="7" fillId="0" borderId="46" xfId="0" applyFont="1" applyFill="1" applyBorder="1" applyAlignment="1">
      <alignment vertical="center"/>
    </xf>
    <xf numFmtId="0" fontId="7" fillId="0" borderId="52" xfId="0" applyFont="1" applyFill="1" applyBorder="1" applyAlignment="1">
      <alignment vertical="center"/>
    </xf>
    <xf numFmtId="0" fontId="7" fillId="0" borderId="53" xfId="0" applyFont="1" applyFill="1" applyBorder="1" applyAlignment="1">
      <alignment vertical="center"/>
    </xf>
    <xf numFmtId="0" fontId="0" fillId="0" borderId="52" xfId="0" applyFont="1" applyFill="1" applyBorder="1" applyAlignment="1">
      <alignment vertical="center"/>
    </xf>
    <xf numFmtId="0" fontId="0" fillId="0" borderId="53" xfId="0" applyFont="1" applyFill="1" applyBorder="1" applyAlignment="1">
      <alignment vertical="center"/>
    </xf>
    <xf numFmtId="0" fontId="0" fillId="0" borderId="45" xfId="0" applyFont="1" applyFill="1" applyBorder="1" applyAlignment="1">
      <alignment vertical="center"/>
    </xf>
    <xf numFmtId="0" fontId="0" fillId="0" borderId="46" xfId="0" applyFont="1" applyFill="1" applyBorder="1" applyAlignment="1">
      <alignment vertical="center"/>
    </xf>
    <xf numFmtId="0" fontId="7" fillId="0" borderId="1" xfId="0" applyFont="1" applyFill="1" applyBorder="1" applyAlignment="1">
      <alignment vertical="top"/>
    </xf>
    <xf numFmtId="0" fontId="7" fillId="0" borderId="16" xfId="0" applyFont="1" applyFill="1" applyBorder="1" applyAlignment="1">
      <alignment vertical="top"/>
    </xf>
    <xf numFmtId="0" fontId="7" fillId="0" borderId="5" xfId="0" applyFont="1" applyFill="1" applyBorder="1" applyAlignment="1">
      <alignment vertical="top"/>
    </xf>
    <xf numFmtId="0" fontId="7" fillId="0" borderId="15" xfId="0" applyFont="1" applyFill="1" applyBorder="1" applyAlignment="1">
      <alignment vertical="top"/>
    </xf>
    <xf numFmtId="0" fontId="7" fillId="0" borderId="15" xfId="0" applyFont="1" applyFill="1" applyBorder="1" applyAlignment="1">
      <alignment vertical="center"/>
    </xf>
    <xf numFmtId="0" fontId="7" fillId="0" borderId="46" xfId="0" applyFont="1" applyFill="1" applyBorder="1" applyAlignment="1">
      <alignment horizontal="left" vertical="center"/>
    </xf>
    <xf numFmtId="0" fontId="7" fillId="0" borderId="45" xfId="0" applyFont="1" applyFill="1" applyBorder="1" applyAlignment="1">
      <alignment horizontal="left" vertical="center" wrapText="1"/>
    </xf>
    <xf numFmtId="0" fontId="0" fillId="0" borderId="5" xfId="0" applyFont="1" applyFill="1" applyBorder="1" applyAlignment="1">
      <alignment horizontal="left" vertical="center"/>
    </xf>
    <xf numFmtId="0" fontId="0" fillId="0" borderId="15" xfId="0" applyFont="1" applyFill="1" applyBorder="1" applyAlignment="1">
      <alignment horizontal="left" vertical="center"/>
    </xf>
    <xf numFmtId="0" fontId="7" fillId="0" borderId="52" xfId="0" applyFont="1" applyFill="1" applyBorder="1" applyAlignment="1">
      <alignment horizontal="left" vertical="center" wrapText="1"/>
    </xf>
    <xf numFmtId="0" fontId="7" fillId="0" borderId="53" xfId="0" applyFont="1" applyFill="1" applyBorder="1" applyAlignment="1">
      <alignment horizontal="left" vertical="center"/>
    </xf>
    <xf numFmtId="0" fontId="7" fillId="0" borderId="27" xfId="0" applyFont="1" applyFill="1" applyBorder="1" applyAlignment="1">
      <alignment horizontal="center" vertical="center"/>
    </xf>
    <xf numFmtId="0" fontId="7" fillId="0" borderId="29" xfId="0" applyFont="1" applyFill="1" applyBorder="1" applyAlignment="1">
      <alignment vertical="center" wrapText="1"/>
    </xf>
    <xf numFmtId="0" fontId="7" fillId="0" borderId="28" xfId="0" applyFont="1" applyFill="1" applyBorder="1" applyAlignment="1">
      <alignment vertical="center"/>
    </xf>
    <xf numFmtId="0" fontId="7" fillId="0" borderId="29" xfId="0" applyFont="1" applyFill="1" applyBorder="1" applyAlignment="1">
      <alignment vertical="center"/>
    </xf>
    <xf numFmtId="0" fontId="7" fillId="0" borderId="44" xfId="0" applyFont="1" applyFill="1" applyBorder="1" applyAlignment="1">
      <alignment horizontal="left" vertical="center"/>
    </xf>
    <xf numFmtId="0" fontId="0" fillId="0" borderId="41" xfId="0" applyFont="1" applyFill="1" applyBorder="1" applyAlignment="1">
      <alignment horizontal="left" vertical="center"/>
    </xf>
    <xf numFmtId="0" fontId="0" fillId="0" borderId="44" xfId="0" applyFont="1" applyFill="1" applyBorder="1" applyAlignment="1">
      <alignment horizontal="left" vertical="center"/>
    </xf>
    <xf numFmtId="0" fontId="7" fillId="0" borderId="43" xfId="0" applyFont="1" applyFill="1" applyBorder="1" applyAlignment="1">
      <alignment horizontal="left" vertical="center" wrapText="1"/>
    </xf>
    <xf numFmtId="0" fontId="7" fillId="0" borderId="17" xfId="0" applyFont="1" applyFill="1" applyBorder="1" applyAlignment="1">
      <alignment vertical="center"/>
    </xf>
    <xf numFmtId="0" fontId="0" fillId="0" borderId="0" xfId="0" applyBorder="1" applyAlignment="1">
      <alignment horizontal="center" vertical="center"/>
    </xf>
    <xf numFmtId="0" fontId="7" fillId="0" borderId="16" xfId="0" applyFont="1" applyFill="1" applyBorder="1" applyAlignment="1">
      <alignment vertical="center"/>
    </xf>
    <xf numFmtId="0" fontId="7" fillId="0" borderId="17" xfId="0" applyFont="1" applyFill="1" applyBorder="1" applyAlignment="1">
      <alignment vertical="center" wrapText="1"/>
    </xf>
    <xf numFmtId="0" fontId="0" fillId="0" borderId="16" xfId="0" applyBorder="1" applyAlignment="1">
      <alignment horizontal="center" vertical="center"/>
    </xf>
    <xf numFmtId="0" fontId="0" fillId="0" borderId="13" xfId="0" applyFont="1" applyFill="1" applyBorder="1" applyAlignment="1">
      <alignment vertical="center"/>
    </xf>
    <xf numFmtId="0" fontId="0" fillId="0" borderId="5" xfId="0" applyFont="1" applyFill="1" applyBorder="1" applyAlignment="1">
      <alignment vertical="center"/>
    </xf>
    <xf numFmtId="0" fontId="0" fillId="0" borderId="42" xfId="0" applyBorder="1" applyAlignment="1">
      <alignment horizontal="center" vertical="center"/>
    </xf>
    <xf numFmtId="0" fontId="0" fillId="0" borderId="43" xfId="0" applyBorder="1" applyAlignment="1">
      <alignment horizontal="center" vertical="center"/>
    </xf>
    <xf numFmtId="0" fontId="0" fillId="0" borderId="76" xfId="0" applyBorder="1" applyAlignment="1">
      <alignment horizontal="center" vertical="center"/>
    </xf>
    <xf numFmtId="0" fontId="0" fillId="0" borderId="39" xfId="0" applyBorder="1" applyAlignment="1">
      <alignment horizontal="center" vertical="center"/>
    </xf>
    <xf numFmtId="0" fontId="0" fillId="0" borderId="40" xfId="0" applyFont="1" applyFill="1" applyBorder="1" applyAlignment="1">
      <alignment vertical="center"/>
    </xf>
    <xf numFmtId="0" fontId="0" fillId="0" borderId="40" xfId="0"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17" xfId="0" applyBorder="1" applyAlignment="1">
      <alignment horizontal="center" vertical="center"/>
    </xf>
    <xf numFmtId="0" fontId="0" fillId="0" borderId="5" xfId="0" applyBorder="1" applyAlignment="1">
      <alignment horizontal="center" vertical="center"/>
    </xf>
    <xf numFmtId="0" fontId="0" fillId="0" borderId="41" xfId="0" applyFont="1" applyFill="1" applyBorder="1" applyAlignment="1">
      <alignment vertical="center"/>
    </xf>
    <xf numFmtId="0" fontId="0" fillId="0" borderId="14" xfId="0" applyFont="1" applyFill="1" applyBorder="1" applyAlignment="1">
      <alignment vertical="center"/>
    </xf>
    <xf numFmtId="0" fontId="0" fillId="0" borderId="15" xfId="0" applyFont="1" applyFill="1" applyBorder="1" applyAlignment="1">
      <alignment vertical="center"/>
    </xf>
    <xf numFmtId="0" fontId="7" fillId="0" borderId="28" xfId="0" applyFont="1" applyFill="1" applyBorder="1" applyAlignment="1">
      <alignment vertical="center" wrapText="1" shrinkToFit="1"/>
    </xf>
    <xf numFmtId="0" fontId="7" fillId="0" borderId="0" xfId="0" applyFont="1" applyFill="1" applyBorder="1" applyAlignment="1">
      <alignment horizontal="left" vertical="center"/>
    </xf>
    <xf numFmtId="0" fontId="7" fillId="0" borderId="52" xfId="0" applyFont="1" applyFill="1" applyBorder="1" applyAlignment="1">
      <alignment horizontal="left" vertical="center"/>
    </xf>
    <xf numFmtId="0" fontId="7" fillId="0" borderId="45" xfId="0" applyFont="1" applyFill="1" applyBorder="1" applyAlignment="1">
      <alignment horizontal="left" vertical="center"/>
    </xf>
    <xf numFmtId="0" fontId="7" fillId="0" borderId="43" xfId="0" applyFont="1" applyFill="1" applyBorder="1" applyAlignment="1">
      <alignment horizontal="left" vertical="center"/>
    </xf>
    <xf numFmtId="0" fontId="0" fillId="0" borderId="48" xfId="0" applyBorder="1" applyAlignment="1">
      <alignment horizontal="center" vertical="center"/>
    </xf>
    <xf numFmtId="0" fontId="0" fillId="0" borderId="51" xfId="0" applyBorder="1" applyAlignment="1">
      <alignment horizontal="center" vertical="center"/>
    </xf>
    <xf numFmtId="0" fontId="0" fillId="0" borderId="45" xfId="0" applyBorder="1" applyAlignment="1">
      <alignment horizontal="center" vertical="center"/>
    </xf>
    <xf numFmtId="0" fontId="0" fillId="0" borderId="52" xfId="0" applyBorder="1" applyAlignment="1">
      <alignment horizontal="center" vertical="center"/>
    </xf>
    <xf numFmtId="0" fontId="7" fillId="0" borderId="3"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16" xfId="0" applyFont="1" applyFill="1" applyBorder="1" applyAlignment="1">
      <alignment horizontal="center" vertical="center"/>
    </xf>
    <xf numFmtId="0" fontId="7" fillId="0" borderId="15" xfId="0" applyFont="1" applyFill="1" applyBorder="1" applyAlignment="1">
      <alignment horizontal="center" vertical="center"/>
    </xf>
    <xf numFmtId="0" fontId="7" fillId="0" borderId="25" xfId="0" applyFont="1" applyFill="1" applyBorder="1" applyAlignment="1">
      <alignment vertical="center" wrapText="1"/>
    </xf>
    <xf numFmtId="0" fontId="7" fillId="0" borderId="33" xfId="0" applyFont="1" applyFill="1" applyBorder="1" applyAlignment="1">
      <alignment vertical="center" wrapText="1"/>
    </xf>
    <xf numFmtId="0" fontId="7" fillId="0" borderId="31" xfId="0" applyFont="1" applyFill="1" applyBorder="1" applyAlignment="1">
      <alignment vertical="center" wrapText="1"/>
    </xf>
    <xf numFmtId="0" fontId="7" fillId="0" borderId="28" xfId="0" applyFont="1" applyFill="1" applyBorder="1" applyAlignment="1">
      <alignment horizontal="left" vertical="center"/>
    </xf>
    <xf numFmtId="0" fontId="7" fillId="0" borderId="29" xfId="0" applyFont="1" applyFill="1" applyBorder="1" applyAlignment="1">
      <alignment horizontal="left" vertical="center"/>
    </xf>
    <xf numFmtId="0" fontId="7" fillId="0" borderId="29" xfId="0" applyFont="1" applyFill="1" applyBorder="1" applyAlignment="1">
      <alignment horizontal="left" vertical="center" wrapText="1"/>
    </xf>
    <xf numFmtId="0" fontId="7" fillId="0" borderId="16" xfId="0" applyFont="1" applyFill="1" applyBorder="1" applyAlignment="1">
      <alignment horizontal="left" vertical="center" wrapText="1"/>
    </xf>
    <xf numFmtId="0" fontId="7" fillId="0" borderId="40" xfId="0" applyFont="1" applyFill="1" applyBorder="1" applyAlignment="1">
      <alignment horizontal="left" vertical="center" wrapText="1"/>
    </xf>
    <xf numFmtId="0" fontId="7" fillId="0" borderId="3" xfId="0" applyFont="1" applyFill="1" applyBorder="1" applyAlignment="1">
      <alignment horizontal="left" vertical="center" wrapText="1"/>
    </xf>
    <xf numFmtId="0" fontId="7" fillId="0" borderId="4" xfId="0" applyFont="1" applyFill="1" applyBorder="1" applyAlignment="1">
      <alignment horizontal="left" vertical="center" wrapText="1"/>
    </xf>
    <xf numFmtId="0" fontId="7" fillId="0" borderId="17" xfId="0" applyFont="1" applyFill="1" applyBorder="1" applyAlignment="1">
      <alignment horizontal="left" vertical="center" wrapText="1"/>
    </xf>
    <xf numFmtId="0" fontId="7" fillId="0" borderId="0" xfId="0" applyFont="1" applyFill="1" applyBorder="1" applyAlignment="1">
      <alignment horizontal="left" vertical="center" wrapText="1"/>
    </xf>
    <xf numFmtId="0" fontId="0" fillId="0" borderId="52" xfId="0" applyBorder="1" applyAlignment="1">
      <alignment horizontal="center" vertical="center"/>
    </xf>
    <xf numFmtId="0" fontId="5" fillId="0" borderId="2" xfId="43" applyFill="1" applyBorder="1">
      <alignment vertical="center"/>
    </xf>
    <xf numFmtId="0" fontId="5" fillId="0" borderId="2" xfId="43" applyFill="1" applyBorder="1" applyAlignment="1">
      <alignment horizontal="center" vertical="center"/>
    </xf>
    <xf numFmtId="0" fontId="5" fillId="33" borderId="0" xfId="43" applyFill="1">
      <alignment vertical="center"/>
    </xf>
    <xf numFmtId="0" fontId="5" fillId="33" borderId="0" xfId="43" applyFill="1" applyAlignment="1">
      <alignment horizontal="right" vertical="center"/>
    </xf>
    <xf numFmtId="0" fontId="5" fillId="33" borderId="0" xfId="43" applyFill="1" applyAlignment="1">
      <alignment horizontal="center" vertical="center"/>
    </xf>
    <xf numFmtId="0" fontId="5" fillId="34" borderId="0" xfId="43" applyFill="1" applyAlignment="1">
      <alignment horizontal="center" vertical="center"/>
    </xf>
    <xf numFmtId="0" fontId="36" fillId="33" borderId="0" xfId="43" applyFont="1" applyFill="1" applyAlignment="1">
      <alignment horizontal="center" vertical="center"/>
    </xf>
    <xf numFmtId="0" fontId="5" fillId="33" borderId="0" xfId="43" applyFill="1" applyBorder="1" applyAlignment="1">
      <alignment horizontal="center" vertical="center" shrinkToFit="1"/>
    </xf>
    <xf numFmtId="0" fontId="5" fillId="33" borderId="27" xfId="43" applyFill="1" applyBorder="1" applyAlignment="1">
      <alignment horizontal="center" vertical="center"/>
    </xf>
    <xf numFmtId="0" fontId="37" fillId="33" borderId="0" xfId="43" applyFont="1" applyFill="1">
      <alignment vertical="center"/>
    </xf>
    <xf numFmtId="0" fontId="5" fillId="34" borderId="2" xfId="43" applyFill="1" applyBorder="1" applyAlignment="1">
      <alignment horizontal="center" vertical="center"/>
    </xf>
    <xf numFmtId="0" fontId="5" fillId="33" borderId="2" xfId="43" applyFill="1" applyBorder="1">
      <alignment vertical="center"/>
    </xf>
    <xf numFmtId="177" fontId="5" fillId="33" borderId="33" xfId="43" applyNumberFormat="1" applyFill="1" applyBorder="1" applyAlignment="1">
      <alignment horizontal="center" vertical="center"/>
    </xf>
    <xf numFmtId="0" fontId="40" fillId="33" borderId="77" xfId="43" applyFont="1" applyFill="1" applyBorder="1" applyAlignment="1">
      <alignment vertical="center" wrapText="1"/>
    </xf>
    <xf numFmtId="38" fontId="39" fillId="34" borderId="77" xfId="44" applyFont="1" applyFill="1" applyBorder="1">
      <alignment vertical="center"/>
    </xf>
    <xf numFmtId="0" fontId="5" fillId="33" borderId="77" xfId="43" applyFill="1" applyBorder="1">
      <alignment vertical="center"/>
    </xf>
    <xf numFmtId="0" fontId="5" fillId="33" borderId="31" xfId="43" applyFill="1" applyBorder="1" applyAlignment="1">
      <alignment horizontal="center" vertical="center"/>
    </xf>
    <xf numFmtId="0" fontId="40" fillId="33" borderId="78" xfId="43" applyFont="1" applyFill="1" applyBorder="1" applyAlignment="1">
      <alignment vertical="center" wrapText="1"/>
    </xf>
    <xf numFmtId="38" fontId="39" fillId="34" borderId="78" xfId="44" applyFont="1" applyFill="1" applyBorder="1">
      <alignment vertical="center"/>
    </xf>
    <xf numFmtId="0" fontId="5" fillId="33" borderId="78" xfId="43" applyFill="1" applyBorder="1">
      <alignment vertical="center"/>
    </xf>
    <xf numFmtId="0" fontId="40" fillId="33" borderId="79" xfId="43" applyFont="1" applyFill="1" applyBorder="1" applyAlignment="1">
      <alignment vertical="center" wrapText="1"/>
    </xf>
    <xf numFmtId="38" fontId="39" fillId="34" borderId="79" xfId="44" applyFont="1" applyFill="1" applyBorder="1">
      <alignment vertical="center"/>
    </xf>
    <xf numFmtId="0" fontId="5" fillId="33" borderId="79" xfId="43" applyFill="1" applyBorder="1">
      <alignment vertical="center"/>
    </xf>
    <xf numFmtId="0" fontId="5" fillId="33" borderId="0" xfId="43" applyFill="1" applyBorder="1" applyAlignment="1">
      <alignment horizontal="center" vertical="center"/>
    </xf>
    <xf numFmtId="178" fontId="0" fillId="33" borderId="0" xfId="44" applyNumberFormat="1" applyFont="1" applyFill="1" applyBorder="1" applyAlignment="1">
      <alignment horizontal="center" vertical="center"/>
    </xf>
    <xf numFmtId="0" fontId="5" fillId="33" borderId="0" xfId="43" applyFill="1" applyBorder="1" applyAlignment="1">
      <alignment vertical="center" wrapText="1"/>
    </xf>
    <xf numFmtId="38" fontId="0" fillId="33" borderId="0" xfId="44" applyFont="1" applyFill="1" applyBorder="1">
      <alignment vertical="center"/>
    </xf>
    <xf numFmtId="0" fontId="5" fillId="33" borderId="0" xfId="43" applyFill="1" applyBorder="1">
      <alignment vertical="center"/>
    </xf>
    <xf numFmtId="179" fontId="5" fillId="33" borderId="7" xfId="43" applyNumberFormat="1" applyFill="1" applyBorder="1" applyAlignment="1">
      <alignment horizontal="center" vertical="center"/>
    </xf>
    <xf numFmtId="180" fontId="39" fillId="33" borderId="0" xfId="45" applyNumberFormat="1" applyFont="1" applyFill="1" applyBorder="1" applyAlignment="1">
      <alignment horizontal="center" vertical="center"/>
    </xf>
    <xf numFmtId="0" fontId="41" fillId="33" borderId="77" xfId="43" applyFont="1" applyFill="1" applyBorder="1" applyAlignment="1">
      <alignment vertical="center" wrapText="1"/>
    </xf>
    <xf numFmtId="0" fontId="41" fillId="33" borderId="78" xfId="43" applyFont="1" applyFill="1" applyBorder="1" applyAlignment="1">
      <alignment vertical="center" wrapText="1"/>
    </xf>
    <xf numFmtId="0" fontId="41" fillId="33" borderId="79" xfId="43" applyFont="1" applyFill="1" applyBorder="1" applyAlignment="1">
      <alignment vertical="center" wrapText="1"/>
    </xf>
    <xf numFmtId="0" fontId="5" fillId="33" borderId="0" xfId="43" applyFill="1" applyAlignment="1">
      <alignment horizontal="left" vertical="center"/>
    </xf>
    <xf numFmtId="0" fontId="7" fillId="0" borderId="0" xfId="0" applyFont="1" applyFill="1" applyAlignment="1">
      <alignment horizontal="left" vertical="center"/>
    </xf>
    <xf numFmtId="0" fontId="7" fillId="0" borderId="0" xfId="0" applyFont="1" applyFill="1" applyAlignment="1">
      <alignment horizontal="center" vertical="center"/>
    </xf>
    <xf numFmtId="0" fontId="5" fillId="34" borderId="0" xfId="43" applyFill="1" applyAlignment="1">
      <alignment horizontal="center" vertical="center"/>
    </xf>
    <xf numFmtId="177" fontId="5" fillId="34" borderId="33" xfId="43" applyNumberFormat="1" applyFill="1" applyBorder="1" applyAlignment="1">
      <alignment horizontal="center" vertical="center"/>
    </xf>
    <xf numFmtId="0" fontId="5" fillId="34" borderId="31" xfId="43" applyFill="1" applyBorder="1" applyAlignment="1">
      <alignment horizontal="center" vertical="center"/>
    </xf>
    <xf numFmtId="177" fontId="4" fillId="34" borderId="33" xfId="43" applyNumberFormat="1" applyFont="1" applyFill="1" applyBorder="1" applyAlignment="1">
      <alignment horizontal="center" vertical="center"/>
    </xf>
    <xf numFmtId="0" fontId="7" fillId="0" borderId="73" xfId="0" applyFont="1" applyFill="1" applyBorder="1" applyAlignment="1">
      <alignment horizontal="left" vertical="center" wrapText="1"/>
    </xf>
    <xf numFmtId="0" fontId="0" fillId="0" borderId="48" xfId="0" applyBorder="1" applyAlignment="1">
      <alignment horizontal="center" vertical="center"/>
    </xf>
    <xf numFmtId="0" fontId="7" fillId="0" borderId="45" xfId="0" applyFont="1" applyFill="1" applyBorder="1" applyAlignment="1">
      <alignment horizontal="left" vertical="center"/>
    </xf>
    <xf numFmtId="0" fontId="0" fillId="0" borderId="45" xfId="0" applyBorder="1" applyAlignment="1">
      <alignment horizontal="center" vertical="center"/>
    </xf>
    <xf numFmtId="0" fontId="7" fillId="0" borderId="73" xfId="0" applyFont="1" applyFill="1" applyBorder="1" applyAlignment="1">
      <alignment vertical="center" wrapText="1"/>
    </xf>
    <xf numFmtId="0" fontId="7" fillId="0" borderId="33" xfId="0" applyFont="1" applyFill="1" applyBorder="1" applyAlignment="1">
      <alignment vertical="center" wrapText="1"/>
    </xf>
    <xf numFmtId="0" fontId="7" fillId="0" borderId="0" xfId="0" applyFont="1" applyFill="1" applyAlignment="1">
      <alignment horizontal="left" vertical="center"/>
    </xf>
    <xf numFmtId="0" fontId="7" fillId="0" borderId="17" xfId="0" applyFont="1" applyFill="1" applyBorder="1" applyAlignment="1">
      <alignment horizontal="left" vertical="center" wrapText="1"/>
    </xf>
    <xf numFmtId="0" fontId="44" fillId="0" borderId="12" xfId="0" applyFont="1" applyFill="1" applyBorder="1" applyAlignment="1">
      <alignment horizontal="center" vertical="center"/>
    </xf>
    <xf numFmtId="0" fontId="43" fillId="0" borderId="13" xfId="0" applyFont="1" applyFill="1" applyBorder="1" applyAlignment="1">
      <alignment vertical="center"/>
    </xf>
    <xf numFmtId="0" fontId="44" fillId="0" borderId="13" xfId="0" applyFont="1" applyFill="1" applyBorder="1" applyAlignment="1">
      <alignment horizontal="center" vertical="center"/>
    </xf>
    <xf numFmtId="0" fontId="43" fillId="0" borderId="13" xfId="0" applyFont="1" applyFill="1" applyBorder="1" applyAlignment="1">
      <alignment horizontal="left" vertical="center"/>
    </xf>
    <xf numFmtId="0" fontId="43" fillId="0" borderId="14" xfId="0" applyFont="1" applyFill="1" applyBorder="1" applyAlignment="1">
      <alignment horizontal="left" vertical="center"/>
    </xf>
    <xf numFmtId="0" fontId="44" fillId="0" borderId="13" xfId="0" applyFont="1" applyFill="1" applyBorder="1" applyAlignment="1">
      <alignment horizontal="left" vertical="center"/>
    </xf>
    <xf numFmtId="0" fontId="43" fillId="0" borderId="14" xfId="0" applyFont="1" applyFill="1" applyBorder="1" applyAlignment="1">
      <alignment vertical="center"/>
    </xf>
    <xf numFmtId="0" fontId="43" fillId="0" borderId="30" xfId="0" applyFont="1" applyFill="1" applyBorder="1" applyAlignment="1">
      <alignment horizontal="left" vertical="center"/>
    </xf>
    <xf numFmtId="0" fontId="43" fillId="0" borderId="15" xfId="0" applyFont="1" applyFill="1" applyBorder="1" applyAlignment="1">
      <alignment vertical="center"/>
    </xf>
    <xf numFmtId="0" fontId="43" fillId="0" borderId="1" xfId="0" applyFont="1" applyFill="1" applyBorder="1" applyAlignment="1">
      <alignment vertical="center" wrapText="1"/>
    </xf>
    <xf numFmtId="0" fontId="43" fillId="0" borderId="28" xfId="0" applyFont="1" applyFill="1" applyBorder="1" applyAlignment="1">
      <alignment horizontal="left" vertical="center"/>
    </xf>
    <xf numFmtId="0" fontId="44" fillId="0" borderId="39" xfId="0" applyFont="1" applyFill="1" applyBorder="1" applyAlignment="1">
      <alignment horizontal="center" vertical="center"/>
    </xf>
    <xf numFmtId="0" fontId="43" fillId="0" borderId="40" xfId="0" applyFont="1" applyFill="1" applyBorder="1" applyAlignment="1">
      <alignment vertical="center"/>
    </xf>
    <xf numFmtId="0" fontId="44" fillId="0" borderId="40" xfId="0" applyFont="1" applyFill="1" applyBorder="1" applyAlignment="1">
      <alignment vertical="center"/>
    </xf>
    <xf numFmtId="0" fontId="43" fillId="0" borderId="40" xfId="0" applyFont="1" applyFill="1" applyBorder="1" applyAlignment="1">
      <alignment horizontal="left" vertical="center" wrapText="1"/>
    </xf>
    <xf numFmtId="0" fontId="44" fillId="0" borderId="40" xfId="0" applyFont="1" applyFill="1" applyBorder="1" applyAlignment="1">
      <alignment horizontal="center" vertical="center"/>
    </xf>
    <xf numFmtId="0" fontId="43" fillId="0" borderId="40" xfId="0" applyFont="1" applyFill="1" applyBorder="1" applyAlignment="1">
      <alignment horizontal="left" vertical="center"/>
    </xf>
    <xf numFmtId="0" fontId="44" fillId="0" borderId="41" xfId="0" applyFont="1" applyFill="1" applyBorder="1" applyAlignment="1">
      <alignment vertical="center"/>
    </xf>
    <xf numFmtId="0" fontId="43" fillId="0" borderId="16" xfId="0" applyFont="1" applyFill="1" applyBorder="1" applyAlignment="1">
      <alignment vertical="top"/>
    </xf>
    <xf numFmtId="0" fontId="0" fillId="0" borderId="17" xfId="0" applyBorder="1" applyAlignment="1">
      <alignment horizontal="center" vertical="center"/>
    </xf>
    <xf numFmtId="0" fontId="0" fillId="0" borderId="51" xfId="0" applyBorder="1" applyAlignment="1">
      <alignment horizontal="center" vertical="center"/>
    </xf>
    <xf numFmtId="0" fontId="7" fillId="0" borderId="0" xfId="0" applyFont="1" applyFill="1" applyBorder="1" applyAlignment="1">
      <alignment horizontal="left" vertical="center"/>
    </xf>
    <xf numFmtId="0" fontId="0" fillId="0" borderId="52" xfId="0" applyBorder="1" applyAlignment="1">
      <alignment horizontal="center" vertical="center"/>
    </xf>
    <xf numFmtId="0" fontId="7" fillId="0" borderId="31" xfId="0" applyFont="1" applyFill="1" applyBorder="1" applyAlignment="1">
      <alignment vertical="center" wrapText="1"/>
    </xf>
    <xf numFmtId="0" fontId="7" fillId="0" borderId="3"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16" xfId="0" applyFont="1" applyFill="1" applyBorder="1" applyAlignment="1">
      <alignment horizontal="center" vertical="center"/>
    </xf>
    <xf numFmtId="0" fontId="7" fillId="0" borderId="15" xfId="0" applyFont="1" applyFill="1" applyBorder="1" applyAlignment="1">
      <alignment horizontal="center" vertical="center"/>
    </xf>
    <xf numFmtId="0" fontId="7" fillId="0" borderId="25" xfId="0" applyFont="1" applyFill="1" applyBorder="1" applyAlignment="1">
      <alignment vertical="center" wrapText="1"/>
    </xf>
    <xf numFmtId="0" fontId="7" fillId="0" borderId="33" xfId="0" applyFont="1" applyFill="1" applyBorder="1" applyAlignment="1">
      <alignment vertical="center" wrapText="1"/>
    </xf>
    <xf numFmtId="0" fontId="7" fillId="0" borderId="5" xfId="0" applyFont="1" applyFill="1" applyBorder="1" applyAlignment="1">
      <alignment horizontal="left" vertical="center"/>
    </xf>
    <xf numFmtId="0" fontId="7" fillId="0" borderId="0" xfId="0" applyFont="1" applyFill="1" applyAlignment="1">
      <alignment horizontal="left" vertical="center"/>
    </xf>
    <xf numFmtId="0" fontId="7" fillId="0" borderId="0" xfId="0" applyFont="1" applyFill="1" applyAlignment="1">
      <alignment horizontal="center" vertical="center"/>
    </xf>
    <xf numFmtId="0" fontId="7" fillId="0" borderId="3" xfId="0" applyFont="1" applyFill="1" applyBorder="1" applyAlignment="1">
      <alignment horizontal="left" vertical="center" wrapText="1"/>
    </xf>
    <xf numFmtId="0" fontId="7" fillId="0" borderId="17" xfId="0" applyFont="1" applyFill="1" applyBorder="1" applyAlignment="1">
      <alignment horizontal="left" vertical="center" wrapText="1"/>
    </xf>
    <xf numFmtId="0" fontId="7" fillId="0" borderId="16" xfId="0" applyFont="1" applyFill="1" applyBorder="1" applyAlignment="1">
      <alignment horizontal="left" vertical="center" wrapText="1"/>
    </xf>
    <xf numFmtId="0" fontId="7" fillId="0" borderId="5" xfId="0" applyFont="1" applyFill="1" applyBorder="1" applyAlignment="1">
      <alignment horizontal="left" vertical="center" wrapText="1"/>
    </xf>
    <xf numFmtId="0" fontId="7" fillId="0" borderId="15" xfId="0" applyFont="1" applyFill="1" applyBorder="1" applyAlignment="1">
      <alignment horizontal="left" vertical="center" wrapText="1"/>
    </xf>
    <xf numFmtId="0" fontId="2" fillId="33" borderId="0" xfId="43" applyFont="1" applyFill="1">
      <alignment vertical="center"/>
    </xf>
    <xf numFmtId="0" fontId="13" fillId="0" borderId="32" xfId="0" applyFont="1" applyFill="1" applyBorder="1" applyAlignment="1">
      <alignment horizontal="center" vertical="center"/>
    </xf>
    <xf numFmtId="0" fontId="13" fillId="0" borderId="9" xfId="0" applyFont="1" applyFill="1" applyBorder="1" applyAlignment="1">
      <alignment horizontal="center" vertical="center"/>
    </xf>
    <xf numFmtId="0" fontId="13" fillId="0" borderId="8" xfId="0" applyFont="1" applyFill="1" applyBorder="1" applyAlignment="1">
      <alignment horizontal="center" vertical="center"/>
    </xf>
    <xf numFmtId="0" fontId="7" fillId="0" borderId="0" xfId="0" applyFont="1" applyFill="1" applyAlignment="1">
      <alignment horizontal="left" vertical="center"/>
    </xf>
    <xf numFmtId="0" fontId="7" fillId="0" borderId="36" xfId="0" applyFont="1" applyFill="1" applyBorder="1" applyAlignment="1">
      <alignment horizontal="center" vertical="center"/>
    </xf>
    <xf numFmtId="0" fontId="7" fillId="0" borderId="75" xfId="0" applyFont="1" applyFill="1" applyBorder="1" applyAlignment="1">
      <alignment horizontal="center" vertical="center"/>
    </xf>
    <xf numFmtId="0" fontId="7" fillId="0" borderId="37" xfId="0" applyFont="1" applyFill="1" applyBorder="1" applyAlignment="1">
      <alignment horizontal="center" vertical="center"/>
    </xf>
    <xf numFmtId="0" fontId="7" fillId="0" borderId="74" xfId="0" applyFont="1" applyFill="1" applyBorder="1" applyAlignment="1">
      <alignment horizontal="center" vertical="center"/>
    </xf>
    <xf numFmtId="0" fontId="7" fillId="0" borderId="38" xfId="0" applyFont="1" applyFill="1" applyBorder="1" applyAlignment="1">
      <alignment horizontal="center" vertical="center"/>
    </xf>
    <xf numFmtId="0" fontId="7" fillId="0" borderId="73" xfId="0" applyFont="1" applyFill="1" applyBorder="1" applyAlignment="1">
      <alignment horizontal="left" vertical="center"/>
    </xf>
    <xf numFmtId="0" fontId="7" fillId="0" borderId="35" xfId="0" applyFont="1" applyFill="1" applyBorder="1" applyAlignment="1">
      <alignment horizontal="left" vertical="center"/>
    </xf>
    <xf numFmtId="0" fontId="7" fillId="0" borderId="73" xfId="0" applyFont="1" applyFill="1" applyBorder="1" applyAlignment="1">
      <alignment horizontal="left" vertical="center" wrapText="1"/>
    </xf>
    <xf numFmtId="0" fontId="7" fillId="0" borderId="35" xfId="0" applyFont="1" applyFill="1" applyBorder="1" applyAlignment="1">
      <alignment horizontal="left" vertical="center" wrapText="1"/>
    </xf>
    <xf numFmtId="0" fontId="7" fillId="0" borderId="45" xfId="0" applyFont="1" applyFill="1" applyBorder="1" applyAlignment="1">
      <alignment horizontal="center" vertical="center" wrapText="1"/>
    </xf>
    <xf numFmtId="0" fontId="7" fillId="0" borderId="52" xfId="0" applyFont="1" applyFill="1" applyBorder="1" applyAlignment="1">
      <alignment horizontal="center" vertical="center" wrapText="1"/>
    </xf>
    <xf numFmtId="0" fontId="7" fillId="0" borderId="45" xfId="0" applyFont="1" applyFill="1" applyBorder="1" applyAlignment="1">
      <alignment horizontal="left" vertical="center"/>
    </xf>
    <xf numFmtId="0" fontId="7" fillId="0" borderId="52" xfId="0" applyFont="1" applyFill="1" applyBorder="1" applyAlignment="1">
      <alignment horizontal="left" vertical="center"/>
    </xf>
    <xf numFmtId="0" fontId="7" fillId="0" borderId="48" xfId="0" applyFont="1" applyFill="1" applyBorder="1" applyAlignment="1">
      <alignment horizontal="center" vertical="center" wrapText="1"/>
    </xf>
    <xf numFmtId="0" fontId="7" fillId="0" borderId="16" xfId="0" applyFont="1" applyFill="1" applyBorder="1" applyAlignment="1">
      <alignment horizontal="center" vertical="center" wrapText="1"/>
    </xf>
    <xf numFmtId="0" fontId="7" fillId="0" borderId="5" xfId="0" applyFont="1" applyFill="1" applyBorder="1" applyAlignment="1">
      <alignment horizontal="left" vertical="center"/>
    </xf>
    <xf numFmtId="0" fontId="7" fillId="0" borderId="5" xfId="0" applyFont="1" applyFill="1" applyBorder="1" applyAlignment="1">
      <alignment horizontal="center" vertical="center" wrapText="1"/>
    </xf>
    <xf numFmtId="0" fontId="7" fillId="0" borderId="73" xfId="0" applyFont="1" applyFill="1" applyBorder="1" applyAlignment="1">
      <alignment vertical="center" wrapText="1"/>
    </xf>
    <xf numFmtId="0" fontId="7" fillId="0" borderId="35" xfId="0" applyFont="1" applyFill="1" applyBorder="1" applyAlignment="1">
      <alignment vertical="center" wrapText="1"/>
    </xf>
    <xf numFmtId="0" fontId="7" fillId="0" borderId="31" xfId="0" applyFont="1" applyFill="1" applyBorder="1" applyAlignment="1">
      <alignment vertical="center" wrapText="1"/>
    </xf>
    <xf numFmtId="0" fontId="7" fillId="0" borderId="25" xfId="0" applyFont="1" applyFill="1" applyBorder="1" applyAlignment="1">
      <alignment horizontal="left" vertical="center"/>
    </xf>
    <xf numFmtId="0" fontId="7" fillId="0" borderId="42" xfId="0" applyFont="1" applyFill="1" applyBorder="1" applyAlignment="1">
      <alignment horizontal="center" vertical="center" wrapText="1"/>
    </xf>
    <xf numFmtId="0" fontId="7" fillId="0" borderId="43" xfId="0" applyFont="1" applyFill="1" applyBorder="1" applyAlignment="1">
      <alignment horizontal="left" vertical="center"/>
    </xf>
    <xf numFmtId="0" fontId="7" fillId="0" borderId="43" xfId="0" applyFont="1" applyFill="1" applyBorder="1" applyAlignment="1">
      <alignment horizontal="center" vertical="center" wrapText="1"/>
    </xf>
    <xf numFmtId="0" fontId="7" fillId="0" borderId="29" xfId="0" applyFont="1" applyFill="1" applyBorder="1" applyAlignment="1">
      <alignment horizontal="left" vertical="center" wrapText="1"/>
    </xf>
    <xf numFmtId="0" fontId="7" fillId="0" borderId="29" xfId="0" applyFont="1" applyFill="1" applyBorder="1" applyAlignment="1">
      <alignment horizontal="left" vertical="center"/>
    </xf>
    <xf numFmtId="0" fontId="7" fillId="0" borderId="28" xfId="0" applyFont="1" applyFill="1" applyBorder="1" applyAlignment="1">
      <alignment horizontal="left" vertical="center"/>
    </xf>
    <xf numFmtId="0" fontId="7" fillId="0" borderId="36" xfId="0" applyFont="1" applyFill="1" applyBorder="1" applyAlignment="1">
      <alignment horizontal="left" vertical="top"/>
    </xf>
    <xf numFmtId="0" fontId="7" fillId="0" borderId="37" xfId="0" applyFont="1" applyFill="1" applyBorder="1" applyAlignment="1">
      <alignment horizontal="left" vertical="top"/>
    </xf>
    <xf numFmtId="0" fontId="7" fillId="0" borderId="74" xfId="0" applyFont="1" applyFill="1" applyBorder="1" applyAlignment="1">
      <alignment horizontal="left" vertical="top"/>
    </xf>
    <xf numFmtId="0" fontId="7" fillId="0" borderId="38" xfId="0" applyFont="1" applyFill="1" applyBorder="1" applyAlignment="1">
      <alignment horizontal="left" vertical="top"/>
    </xf>
    <xf numFmtId="0" fontId="13" fillId="0" borderId="0" xfId="0" applyFont="1" applyFill="1" applyBorder="1" applyAlignment="1">
      <alignment horizontal="center" vertical="center"/>
    </xf>
    <xf numFmtId="0" fontId="7" fillId="0" borderId="6" xfId="0" applyFont="1" applyFill="1" applyBorder="1" applyAlignment="1">
      <alignment horizontal="center" vertical="center"/>
    </xf>
    <xf numFmtId="0" fontId="7" fillId="0" borderId="7" xfId="0" applyFont="1" applyFill="1" applyBorder="1" applyAlignment="1">
      <alignment horizontal="center" vertical="center"/>
    </xf>
    <xf numFmtId="0" fontId="7" fillId="0" borderId="8" xfId="0" applyFont="1" applyFill="1" applyBorder="1" applyAlignment="1">
      <alignment horizontal="center" vertical="center"/>
    </xf>
    <xf numFmtId="0" fontId="7" fillId="0" borderId="31" xfId="0" applyFont="1" applyFill="1" applyBorder="1" applyAlignment="1">
      <alignment horizontal="left" vertical="center"/>
    </xf>
    <xf numFmtId="0" fontId="7" fillId="0" borderId="67" xfId="0" applyFont="1" applyFill="1" applyBorder="1" applyAlignment="1">
      <alignment horizontal="center" vertical="center"/>
    </xf>
    <xf numFmtId="0" fontId="7" fillId="0" borderId="69" xfId="0" applyFont="1" applyFill="1" applyBorder="1" applyAlignment="1">
      <alignment horizontal="center" vertical="center"/>
    </xf>
    <xf numFmtId="0" fontId="7" fillId="0" borderId="68" xfId="0" applyFont="1" applyFill="1" applyBorder="1" applyAlignment="1">
      <alignment horizontal="center" vertical="center"/>
    </xf>
    <xf numFmtId="0" fontId="7" fillId="0" borderId="70" xfId="0" applyFont="1" applyFill="1" applyBorder="1" applyAlignment="1">
      <alignment horizontal="center" vertical="center"/>
    </xf>
    <xf numFmtId="0" fontId="7" fillId="0" borderId="71" xfId="0" applyFont="1" applyFill="1" applyBorder="1" applyAlignment="1">
      <alignment horizontal="center" vertical="center"/>
    </xf>
    <xf numFmtId="0" fontId="7" fillId="0" borderId="72" xfId="0" applyFont="1" applyFill="1" applyBorder="1" applyAlignment="1">
      <alignment horizontal="center" vertical="center"/>
    </xf>
    <xf numFmtId="0" fontId="7" fillId="0" borderId="3" xfId="0" applyFont="1" applyFill="1" applyBorder="1" applyAlignment="1">
      <alignment horizontal="center" vertical="center"/>
    </xf>
    <xf numFmtId="0" fontId="7" fillId="0" borderId="4"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16"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15" xfId="0" applyFont="1" applyFill="1" applyBorder="1" applyAlignment="1">
      <alignment horizontal="center" vertical="center"/>
    </xf>
    <xf numFmtId="0" fontId="7" fillId="0" borderId="31" xfId="0" applyFont="1" applyFill="1" applyBorder="1" applyAlignment="1">
      <alignment horizontal="left" vertical="center" wrapText="1"/>
    </xf>
    <xf numFmtId="0" fontId="7" fillId="0" borderId="51" xfId="0" applyFont="1" applyFill="1" applyBorder="1" applyAlignment="1">
      <alignment horizontal="center" vertical="center" wrapText="1"/>
    </xf>
    <xf numFmtId="0" fontId="7" fillId="0" borderId="0" xfId="0" applyFont="1" applyFill="1" applyAlignment="1">
      <alignment vertical="center" wrapText="1"/>
    </xf>
    <xf numFmtId="0" fontId="7" fillId="0" borderId="0" xfId="0" applyFont="1" applyFill="1" applyAlignment="1">
      <alignment horizontal="left" vertical="center"/>
    </xf>
    <xf numFmtId="0" fontId="10" fillId="0" borderId="25" xfId="0" applyFont="1" applyFill="1" applyBorder="1" applyAlignment="1">
      <alignment horizontal="center" vertical="center" wrapText="1"/>
    </xf>
    <xf numFmtId="0" fontId="0" fillId="0" borderId="33" xfId="0" applyFont="1" applyFill="1" applyBorder="1" applyAlignment="1">
      <alignment horizontal="center" vertical="center" wrapText="1"/>
    </xf>
    <xf numFmtId="0" fontId="0" fillId="0" borderId="31" xfId="0" applyFont="1" applyFill="1" applyBorder="1" applyAlignment="1">
      <alignment horizontal="center" vertical="center" wrapText="1"/>
    </xf>
    <xf numFmtId="0" fontId="10" fillId="0" borderId="2" xfId="0" applyFont="1" applyFill="1" applyBorder="1" applyAlignment="1">
      <alignment horizontal="center" vertical="center" wrapText="1"/>
    </xf>
    <xf numFmtId="0" fontId="10" fillId="0" borderId="33" xfId="0" applyFont="1" applyFill="1" applyBorder="1" applyAlignment="1">
      <alignment horizontal="center" vertical="center" wrapText="1"/>
    </xf>
    <xf numFmtId="0" fontId="10" fillId="0" borderId="31" xfId="0" applyFont="1" applyFill="1" applyBorder="1" applyAlignment="1">
      <alignment horizontal="center" vertical="center" wrapText="1"/>
    </xf>
    <xf numFmtId="0" fontId="10" fillId="0" borderId="6" xfId="0" applyFont="1" applyFill="1" applyBorder="1" applyAlignment="1">
      <alignment horizontal="center" vertical="center"/>
    </xf>
    <xf numFmtId="0" fontId="10" fillId="0" borderId="7" xfId="0" applyFont="1" applyFill="1" applyBorder="1" applyAlignment="1">
      <alignment horizontal="center" vertical="center"/>
    </xf>
    <xf numFmtId="0" fontId="10" fillId="0" borderId="8" xfId="0" applyFont="1" applyFill="1" applyBorder="1" applyAlignment="1">
      <alignment horizontal="center" vertical="center"/>
    </xf>
    <xf numFmtId="0" fontId="10" fillId="0" borderId="26" xfId="0" applyFont="1" applyFill="1" applyBorder="1" applyAlignment="1">
      <alignment horizontal="center" vertical="center" wrapText="1"/>
    </xf>
    <xf numFmtId="0" fontId="10" fillId="0" borderId="26" xfId="0" applyFont="1" applyFill="1" applyBorder="1" applyAlignment="1">
      <alignment horizontal="center" vertical="center" shrinkToFit="1"/>
    </xf>
    <xf numFmtId="0" fontId="10" fillId="0" borderId="54" xfId="0" applyFont="1" applyFill="1" applyBorder="1" applyAlignment="1">
      <alignment horizontal="center" vertical="center"/>
    </xf>
    <xf numFmtId="0" fontId="10" fillId="0" borderId="55" xfId="0" applyFont="1" applyFill="1" applyBorder="1" applyAlignment="1">
      <alignment horizontal="center" vertical="center" wrapText="1"/>
    </xf>
    <xf numFmtId="0" fontId="10" fillId="0" borderId="56" xfId="0" applyFont="1" applyFill="1" applyBorder="1" applyAlignment="1">
      <alignment horizontal="center" vertical="center" wrapText="1"/>
    </xf>
    <xf numFmtId="0" fontId="10" fillId="0" borderId="57" xfId="0" applyFont="1" applyFill="1" applyBorder="1" applyAlignment="1">
      <alignment horizontal="center" vertical="center" wrapText="1"/>
    </xf>
    <xf numFmtId="0" fontId="5" fillId="34" borderId="0" xfId="43" applyFill="1" applyAlignment="1">
      <alignment horizontal="center" vertical="center"/>
    </xf>
    <xf numFmtId="0" fontId="36" fillId="33" borderId="0" xfId="43" applyFont="1" applyFill="1" applyAlignment="1">
      <alignment horizontal="center" vertical="center"/>
    </xf>
    <xf numFmtId="0" fontId="5" fillId="34" borderId="5" xfId="43" applyFill="1" applyBorder="1" applyAlignment="1">
      <alignment horizontal="center" vertical="center" shrinkToFit="1"/>
    </xf>
    <xf numFmtId="0" fontId="5" fillId="34" borderId="7" xfId="43" applyFill="1" applyBorder="1" applyAlignment="1">
      <alignment horizontal="center" vertical="center" shrinkToFit="1"/>
    </xf>
    <xf numFmtId="0" fontId="37" fillId="33" borderId="0" xfId="43" applyFont="1" applyFill="1" applyAlignment="1">
      <alignment horizontal="left" vertical="center"/>
    </xf>
    <xf numFmtId="0" fontId="5" fillId="34" borderId="2" xfId="43" applyFill="1" applyBorder="1" applyAlignment="1">
      <alignment horizontal="center" vertical="center"/>
    </xf>
    <xf numFmtId="178" fontId="39" fillId="34" borderId="2" xfId="44" applyNumberFormat="1" applyFont="1" applyFill="1" applyBorder="1" applyAlignment="1">
      <alignment horizontal="center" vertical="center"/>
    </xf>
    <xf numFmtId="0" fontId="5" fillId="33" borderId="25" xfId="43" applyFill="1" applyBorder="1" applyAlignment="1">
      <alignment horizontal="center" vertical="center"/>
    </xf>
    <xf numFmtId="0" fontId="5" fillId="33" borderId="31" xfId="43" applyFill="1" applyBorder="1" applyAlignment="1">
      <alignment horizontal="center" vertical="center"/>
    </xf>
    <xf numFmtId="179" fontId="39" fillId="33" borderId="3" xfId="43" applyNumberFormat="1" applyFont="1" applyFill="1" applyBorder="1" applyAlignment="1">
      <alignment horizontal="center" vertical="center"/>
    </xf>
    <xf numFmtId="179" fontId="39" fillId="33" borderId="4" xfId="43" applyNumberFormat="1" applyFont="1" applyFill="1" applyBorder="1" applyAlignment="1">
      <alignment horizontal="center" vertical="center"/>
    </xf>
    <xf numFmtId="179" fontId="39" fillId="33" borderId="1" xfId="43" applyNumberFormat="1" applyFont="1" applyFill="1" applyBorder="1" applyAlignment="1">
      <alignment horizontal="center" vertical="center"/>
    </xf>
    <xf numFmtId="179" fontId="39" fillId="33" borderId="16" xfId="43" applyNumberFormat="1" applyFont="1" applyFill="1" applyBorder="1" applyAlignment="1">
      <alignment horizontal="center" vertical="center"/>
    </xf>
    <xf numFmtId="179" fontId="39" fillId="33" borderId="5" xfId="43" applyNumberFormat="1" applyFont="1" applyFill="1" applyBorder="1" applyAlignment="1">
      <alignment horizontal="center" vertical="center"/>
    </xf>
    <xf numFmtId="179" fontId="39" fillId="33" borderId="15" xfId="43" applyNumberFormat="1" applyFont="1" applyFill="1" applyBorder="1" applyAlignment="1">
      <alignment horizontal="center" vertical="center"/>
    </xf>
    <xf numFmtId="0" fontId="5" fillId="33" borderId="2" xfId="43" applyFill="1" applyBorder="1" applyAlignment="1">
      <alignment horizontal="center" vertical="center"/>
    </xf>
    <xf numFmtId="0" fontId="5" fillId="34" borderId="2" xfId="43" applyFill="1" applyBorder="1" applyAlignment="1">
      <alignment horizontal="center" vertical="center" shrinkToFit="1"/>
    </xf>
    <xf numFmtId="0" fontId="5" fillId="33" borderId="5" xfId="43" applyFill="1" applyBorder="1" applyAlignment="1">
      <alignment horizontal="left" vertical="center"/>
    </xf>
    <xf numFmtId="0" fontId="5" fillId="33" borderId="6" xfId="43" applyFill="1" applyBorder="1" applyAlignment="1">
      <alignment horizontal="center" vertical="center"/>
    </xf>
    <xf numFmtId="0" fontId="5" fillId="33" borderId="7" xfId="43" applyFill="1" applyBorder="1" applyAlignment="1">
      <alignment horizontal="center" vertical="center"/>
    </xf>
    <xf numFmtId="0" fontId="5" fillId="33" borderId="8" xfId="43" applyFill="1" applyBorder="1" applyAlignment="1">
      <alignment horizontal="center" vertical="center"/>
    </xf>
    <xf numFmtId="0" fontId="5" fillId="33" borderId="2" xfId="43" applyFill="1" applyBorder="1" applyAlignment="1">
      <alignment horizontal="center" vertical="center" wrapText="1"/>
    </xf>
    <xf numFmtId="0" fontId="5" fillId="33" borderId="2" xfId="43" applyFill="1" applyBorder="1" applyAlignment="1">
      <alignment horizontal="center" vertical="top" wrapText="1"/>
    </xf>
    <xf numFmtId="0" fontId="5" fillId="33" borderId="6" xfId="43" applyFill="1" applyBorder="1" applyAlignment="1">
      <alignment horizontal="center" vertical="center" wrapText="1"/>
    </xf>
    <xf numFmtId="0" fontId="5" fillId="33" borderId="7" xfId="43" applyFill="1" applyBorder="1" applyAlignment="1">
      <alignment horizontal="center" vertical="center" wrapText="1"/>
    </xf>
    <xf numFmtId="0" fontId="5" fillId="33" borderId="8" xfId="43" applyFill="1" applyBorder="1" applyAlignment="1">
      <alignment horizontal="center" vertical="center" wrapText="1"/>
    </xf>
    <xf numFmtId="179" fontId="39" fillId="33" borderId="6" xfId="43" applyNumberFormat="1" applyFont="1" applyFill="1" applyBorder="1" applyAlignment="1">
      <alignment horizontal="center" vertical="center"/>
    </xf>
    <xf numFmtId="179" fontId="39" fillId="33" borderId="7" xfId="43" applyNumberFormat="1" applyFont="1" applyFill="1" applyBorder="1" applyAlignment="1">
      <alignment horizontal="center" vertical="center"/>
    </xf>
    <xf numFmtId="179" fontId="39" fillId="33" borderId="8" xfId="43" applyNumberFormat="1" applyFont="1" applyFill="1" applyBorder="1" applyAlignment="1">
      <alignment horizontal="center" vertical="center"/>
    </xf>
    <xf numFmtId="0" fontId="5" fillId="33" borderId="3" xfId="43" applyFill="1" applyBorder="1" applyAlignment="1">
      <alignment horizontal="center" vertical="center" wrapText="1"/>
    </xf>
    <xf numFmtId="0" fontId="5" fillId="33" borderId="4" xfId="43" applyFill="1" applyBorder="1" applyAlignment="1">
      <alignment horizontal="center" vertical="center" wrapText="1"/>
    </xf>
    <xf numFmtId="0" fontId="5" fillId="33" borderId="1" xfId="43" applyFill="1" applyBorder="1" applyAlignment="1">
      <alignment horizontal="center" vertical="center" wrapText="1"/>
    </xf>
    <xf numFmtId="180" fontId="39" fillId="35" borderId="3" xfId="45" applyNumberFormat="1" applyFont="1" applyFill="1" applyBorder="1" applyAlignment="1">
      <alignment horizontal="center" vertical="center"/>
    </xf>
    <xf numFmtId="180" fontId="39" fillId="35" borderId="4" xfId="45" applyNumberFormat="1" applyFont="1" applyFill="1" applyBorder="1" applyAlignment="1">
      <alignment horizontal="center" vertical="center"/>
    </xf>
    <xf numFmtId="180" fontId="39" fillId="35" borderId="1" xfId="45" applyNumberFormat="1" applyFont="1" applyFill="1" applyBorder="1" applyAlignment="1">
      <alignment horizontal="center" vertical="center"/>
    </xf>
    <xf numFmtId="180" fontId="39" fillId="35" borderId="16" xfId="45" applyNumberFormat="1" applyFont="1" applyFill="1" applyBorder="1" applyAlignment="1">
      <alignment horizontal="center" vertical="center"/>
    </xf>
    <xf numFmtId="180" fontId="39" fillId="35" borderId="5" xfId="45" applyNumberFormat="1" applyFont="1" applyFill="1" applyBorder="1" applyAlignment="1">
      <alignment horizontal="center" vertical="center"/>
    </xf>
    <xf numFmtId="180" fontId="39" fillId="35" borderId="15" xfId="45" applyNumberFormat="1" applyFont="1" applyFill="1" applyBorder="1" applyAlignment="1">
      <alignment horizontal="center" vertical="center"/>
    </xf>
    <xf numFmtId="0" fontId="5" fillId="33" borderId="16" xfId="43" applyFill="1" applyBorder="1" applyAlignment="1">
      <alignment horizontal="center" vertical="center"/>
    </xf>
    <xf numFmtId="0" fontId="5" fillId="33" borderId="5" xfId="43" applyFill="1" applyBorder="1" applyAlignment="1">
      <alignment horizontal="center" vertical="center"/>
    </xf>
    <xf numFmtId="0" fontId="5" fillId="33" borderId="15" xfId="43" applyFill="1" applyBorder="1" applyAlignment="1">
      <alignment horizontal="center" vertical="center"/>
    </xf>
    <xf numFmtId="0" fontId="5" fillId="33" borderId="0" xfId="43" applyFill="1" applyAlignment="1">
      <alignment horizontal="left" vertical="center"/>
    </xf>
    <xf numFmtId="0" fontId="5" fillId="0" borderId="25" xfId="43" applyFill="1" applyBorder="1" applyAlignment="1">
      <alignment horizontal="center" vertical="center"/>
    </xf>
    <xf numFmtId="0" fontId="5" fillId="0" borderId="33" xfId="43" applyFill="1" applyBorder="1" applyAlignment="1">
      <alignment horizontal="center" vertical="center"/>
    </xf>
    <xf numFmtId="0" fontId="5" fillId="0" borderId="31" xfId="43" applyFill="1" applyBorder="1" applyAlignment="1">
      <alignment horizontal="center" vertical="center"/>
    </xf>
    <xf numFmtId="0" fontId="5" fillId="33" borderId="0" xfId="43" applyFill="1" applyAlignment="1">
      <alignment horizontal="left" vertical="center" wrapText="1"/>
    </xf>
    <xf numFmtId="0" fontId="7" fillId="0" borderId="6" xfId="0" applyFont="1" applyBorder="1" applyAlignment="1">
      <alignment horizontal="center" vertical="center" wrapText="1"/>
    </xf>
    <xf numFmtId="0" fontId="7" fillId="0" borderId="7" xfId="0" applyFont="1" applyBorder="1" applyAlignment="1">
      <alignment horizontal="center" vertical="center" wrapText="1"/>
    </xf>
    <xf numFmtId="0" fontId="7" fillId="0" borderId="8" xfId="0" applyFont="1" applyBorder="1" applyAlignment="1">
      <alignment horizontal="center" vertical="center" wrapText="1"/>
    </xf>
    <xf numFmtId="0" fontId="7" fillId="0" borderId="0" xfId="0" applyFont="1" applyAlignment="1">
      <alignment horizontal="center" vertical="center"/>
    </xf>
    <xf numFmtId="0" fontId="7" fillId="0" borderId="25" xfId="0" applyFont="1" applyBorder="1" applyAlignment="1">
      <alignment horizontal="center" vertical="center" textRotation="255" wrapText="1"/>
    </xf>
    <xf numFmtId="0" fontId="7" fillId="0" borderId="33" xfId="0" applyFont="1" applyBorder="1" applyAlignment="1">
      <alignment horizontal="center" vertical="center" textRotation="255" wrapText="1"/>
    </xf>
    <xf numFmtId="0" fontId="7" fillId="0" borderId="31" xfId="0" applyFont="1" applyBorder="1" applyAlignment="1">
      <alignment horizontal="center" vertical="center" textRotation="255" wrapText="1"/>
    </xf>
    <xf numFmtId="0" fontId="7" fillId="0" borderId="3" xfId="0" applyFont="1" applyBorder="1" applyAlignment="1">
      <alignment horizontal="left" vertical="center" wrapText="1"/>
    </xf>
    <xf numFmtId="0" fontId="7" fillId="0" borderId="4" xfId="0" applyFont="1" applyBorder="1" applyAlignment="1">
      <alignment horizontal="left" vertical="center" wrapText="1"/>
    </xf>
    <xf numFmtId="0" fontId="0" fillId="0" borderId="4" xfId="0" applyFont="1" applyBorder="1" applyAlignment="1">
      <alignment horizontal="left" vertical="center" wrapText="1"/>
    </xf>
    <xf numFmtId="0" fontId="7" fillId="0" borderId="17" xfId="0" applyFont="1" applyBorder="1" applyAlignment="1">
      <alignment horizontal="left" vertical="center" wrapText="1"/>
    </xf>
    <xf numFmtId="0" fontId="7" fillId="0" borderId="0" xfId="0" applyFont="1" applyBorder="1" applyAlignment="1">
      <alignment horizontal="left" vertical="center" wrapText="1"/>
    </xf>
    <xf numFmtId="0" fontId="7" fillId="0" borderId="1" xfId="0" applyFont="1" applyBorder="1" applyAlignment="1">
      <alignment horizontal="left" vertical="center" wrapText="1"/>
    </xf>
    <xf numFmtId="0" fontId="7" fillId="0" borderId="27" xfId="0" applyFont="1" applyBorder="1" applyAlignment="1">
      <alignment horizontal="left" vertical="center" wrapText="1"/>
    </xf>
    <xf numFmtId="0" fontId="7" fillId="0" borderId="16" xfId="0" applyFont="1" applyBorder="1" applyAlignment="1">
      <alignment horizontal="left" vertical="center" wrapText="1"/>
    </xf>
    <xf numFmtId="0" fontId="7" fillId="0" borderId="5" xfId="0" applyFont="1" applyBorder="1" applyAlignment="1">
      <alignment horizontal="left" vertical="center" wrapText="1"/>
    </xf>
    <xf numFmtId="0" fontId="7" fillId="0" borderId="15" xfId="0" applyFont="1" applyBorder="1" applyAlignment="1">
      <alignment horizontal="left" vertical="center" wrapText="1"/>
    </xf>
    <xf numFmtId="0" fontId="7" fillId="0" borderId="3" xfId="0" applyFont="1" applyBorder="1" applyAlignment="1">
      <alignment horizontal="justify" vertical="center" wrapText="1"/>
    </xf>
    <xf numFmtId="0" fontId="7" fillId="0" borderId="4" xfId="0" applyFont="1" applyBorder="1" applyAlignment="1">
      <alignment horizontal="justify" vertical="center" wrapText="1"/>
    </xf>
    <xf numFmtId="0" fontId="7" fillId="0" borderId="1" xfId="0" applyFont="1" applyBorder="1" applyAlignment="1">
      <alignment horizontal="justify" vertical="center" wrapText="1"/>
    </xf>
    <xf numFmtId="0" fontId="7" fillId="0" borderId="17" xfId="0" applyFont="1" applyBorder="1" applyAlignment="1">
      <alignment horizontal="justify" vertical="center" wrapText="1"/>
    </xf>
    <xf numFmtId="0" fontId="7" fillId="0" borderId="0" xfId="0" applyFont="1" applyBorder="1" applyAlignment="1">
      <alignment horizontal="justify" vertical="center" wrapText="1"/>
    </xf>
    <xf numFmtId="0" fontId="7" fillId="0" borderId="27" xfId="0" applyFont="1" applyBorder="1" applyAlignment="1">
      <alignment horizontal="justify" vertical="center" wrapText="1"/>
    </xf>
    <xf numFmtId="0" fontId="7" fillId="0" borderId="48" xfId="0" applyFont="1" applyBorder="1" applyAlignment="1">
      <alignment horizontal="justify" vertical="center" wrapText="1"/>
    </xf>
    <xf numFmtId="0" fontId="7" fillId="0" borderId="45" xfId="0" applyFont="1" applyBorder="1" applyAlignment="1">
      <alignment horizontal="justify" vertical="center" wrapText="1"/>
    </xf>
    <xf numFmtId="0" fontId="7" fillId="0" borderId="46" xfId="0" applyFont="1" applyBorder="1" applyAlignment="1">
      <alignment horizontal="justify" vertical="center" wrapText="1"/>
    </xf>
    <xf numFmtId="0" fontId="7" fillId="0" borderId="6" xfId="0" applyFont="1" applyBorder="1" applyAlignment="1">
      <alignment horizontal="left" vertical="center" wrapText="1"/>
    </xf>
    <xf numFmtId="0" fontId="7" fillId="0" borderId="7" xfId="0" applyFont="1" applyBorder="1" applyAlignment="1">
      <alignment horizontal="left" vertical="center" wrapText="1"/>
    </xf>
    <xf numFmtId="0" fontId="7" fillId="0" borderId="8" xfId="0" applyFont="1" applyBorder="1" applyAlignment="1">
      <alignment horizontal="left" vertical="center" wrapText="1"/>
    </xf>
    <xf numFmtId="0" fontId="7" fillId="0" borderId="3" xfId="0" applyFont="1" applyBorder="1" applyAlignment="1">
      <alignment horizontal="center" vertical="center" wrapText="1"/>
    </xf>
    <xf numFmtId="0" fontId="7" fillId="0" borderId="4" xfId="0" applyFont="1" applyBorder="1" applyAlignment="1">
      <alignment horizontal="center" vertical="center" wrapText="1"/>
    </xf>
    <xf numFmtId="0" fontId="7" fillId="0" borderId="1" xfId="0" applyFont="1" applyBorder="1" applyAlignment="1">
      <alignment horizontal="center" vertical="center" wrapText="1"/>
    </xf>
    <xf numFmtId="0" fontId="7" fillId="0" borderId="2" xfId="0" applyFont="1" applyBorder="1" applyAlignment="1">
      <alignment horizontal="left" wrapText="1"/>
    </xf>
    <xf numFmtId="0" fontId="0" fillId="0" borderId="2" xfId="0" applyFont="1" applyBorder="1" applyAlignment="1">
      <alignment horizontal="left" wrapText="1"/>
    </xf>
    <xf numFmtId="0" fontId="0" fillId="0" borderId="6" xfId="0" applyFont="1" applyBorder="1" applyAlignment="1">
      <alignment horizontal="left" wrapText="1"/>
    </xf>
    <xf numFmtId="0" fontId="7" fillId="0" borderId="7" xfId="0" applyFont="1" applyBorder="1" applyAlignment="1">
      <alignment horizontal="center" wrapText="1"/>
    </xf>
    <xf numFmtId="0" fontId="7" fillId="0" borderId="8" xfId="0" applyFont="1" applyBorder="1" applyAlignment="1">
      <alignment horizontal="center" wrapText="1"/>
    </xf>
    <xf numFmtId="0" fontId="7" fillId="0" borderId="6" xfId="0" applyFont="1" applyBorder="1" applyAlignment="1">
      <alignment horizontal="left" shrinkToFit="1"/>
    </xf>
    <xf numFmtId="0" fontId="7" fillId="0" borderId="7" xfId="0" applyFont="1" applyBorder="1" applyAlignment="1">
      <alignment horizontal="left" shrinkToFit="1"/>
    </xf>
    <xf numFmtId="0" fontId="7" fillId="0" borderId="8" xfId="0" applyFont="1" applyBorder="1" applyAlignment="1">
      <alignment horizontal="left" shrinkToFit="1"/>
    </xf>
    <xf numFmtId="0" fontId="7" fillId="0" borderId="7" xfId="0" applyFont="1" applyBorder="1" applyAlignment="1">
      <alignment horizontal="justify" wrapText="1"/>
    </xf>
    <xf numFmtId="0" fontId="7" fillId="0" borderId="2" xfId="0" applyFont="1" applyBorder="1" applyAlignment="1">
      <alignment horizontal="left" vertical="center" wrapText="1"/>
    </xf>
    <xf numFmtId="0" fontId="0" fillId="0" borderId="2" xfId="0" applyFont="1" applyBorder="1" applyAlignment="1">
      <alignment horizontal="left" vertical="center" wrapText="1"/>
    </xf>
    <xf numFmtId="0" fontId="7" fillId="0" borderId="25" xfId="0" applyFont="1" applyBorder="1" applyAlignment="1">
      <alignment horizontal="left" vertical="center" wrapText="1"/>
    </xf>
    <xf numFmtId="0" fontId="0" fillId="0" borderId="25" xfId="0" applyFont="1" applyBorder="1" applyAlignment="1">
      <alignment horizontal="left" vertical="center" wrapText="1"/>
    </xf>
    <xf numFmtId="0" fontId="7" fillId="0" borderId="12" xfId="0" applyFont="1" applyBorder="1" applyAlignment="1">
      <alignment horizontal="justify" vertical="center" wrapText="1"/>
    </xf>
    <xf numFmtId="0" fontId="7" fillId="0" borderId="13" xfId="0" applyFont="1" applyBorder="1" applyAlignment="1">
      <alignment horizontal="justify" vertical="center" wrapText="1"/>
    </xf>
    <xf numFmtId="0" fontId="7" fillId="0" borderId="14" xfId="0" applyFont="1" applyBorder="1" applyAlignment="1">
      <alignment horizontal="justify" vertical="center" wrapText="1"/>
    </xf>
    <xf numFmtId="0" fontId="7" fillId="0" borderId="25" xfId="0" applyFont="1" applyBorder="1" applyAlignment="1">
      <alignment horizontal="center" vertical="center" textRotation="255" shrinkToFit="1"/>
    </xf>
    <xf numFmtId="0" fontId="7" fillId="0" borderId="33" xfId="0" applyFont="1" applyBorder="1" applyAlignment="1">
      <alignment horizontal="center" vertical="center" textRotation="255" shrinkToFit="1"/>
    </xf>
    <xf numFmtId="0" fontId="7" fillId="0" borderId="31" xfId="0" applyFont="1" applyBorder="1" applyAlignment="1">
      <alignment horizontal="center" vertical="center" textRotation="255" shrinkToFit="1"/>
    </xf>
    <xf numFmtId="0" fontId="8" fillId="0" borderId="2" xfId="0" applyFont="1" applyBorder="1" applyAlignment="1">
      <alignment horizontal="left" vertical="center" wrapText="1"/>
    </xf>
    <xf numFmtId="0" fontId="7" fillId="0" borderId="2" xfId="0" applyFont="1" applyBorder="1" applyAlignment="1">
      <alignment horizontal="center" wrapText="1"/>
    </xf>
    <xf numFmtId="0" fontId="7" fillId="0" borderId="3" xfId="0" applyFont="1" applyBorder="1" applyAlignment="1">
      <alignment horizontal="center" shrinkToFit="1"/>
    </xf>
    <xf numFmtId="0" fontId="7" fillId="0" borderId="4" xfId="0" applyFont="1" applyBorder="1" applyAlignment="1">
      <alignment horizontal="center" shrinkToFit="1"/>
    </xf>
    <xf numFmtId="0" fontId="7" fillId="0" borderId="1" xfId="0" applyFont="1" applyBorder="1" applyAlignment="1">
      <alignment horizontal="center" shrinkToFit="1"/>
    </xf>
    <xf numFmtId="0" fontId="7" fillId="0" borderId="16" xfId="0" applyFont="1" applyBorder="1" applyAlignment="1">
      <alignment horizontal="center"/>
    </xf>
    <xf numFmtId="0" fontId="7" fillId="0" borderId="5" xfId="0" applyFont="1" applyBorder="1" applyAlignment="1">
      <alignment horizontal="center"/>
    </xf>
    <xf numFmtId="0" fontId="7" fillId="0" borderId="15" xfId="0" applyFont="1" applyBorder="1" applyAlignment="1">
      <alignment horizontal="center"/>
    </xf>
    <xf numFmtId="0" fontId="7" fillId="0" borderId="16" xfId="0" applyFont="1" applyBorder="1" applyAlignment="1">
      <alignment horizontal="center" shrinkToFit="1"/>
    </xf>
    <xf numFmtId="0" fontId="7" fillId="0" borderId="5" xfId="0" applyFont="1" applyBorder="1" applyAlignment="1">
      <alignment horizontal="center" shrinkToFit="1"/>
    </xf>
    <xf numFmtId="0" fontId="7" fillId="0" borderId="15" xfId="0" applyFont="1" applyBorder="1" applyAlignment="1">
      <alignment horizontal="center" shrinkToFit="1"/>
    </xf>
    <xf numFmtId="0" fontId="7" fillId="0" borderId="7" xfId="0" applyFont="1" applyBorder="1" applyAlignment="1">
      <alignment horizontal="left" vertical="top"/>
    </xf>
    <xf numFmtId="0" fontId="7" fillId="0" borderId="32" xfId="0" applyFont="1" applyBorder="1" applyAlignment="1">
      <alignment horizontal="left" vertical="top"/>
    </xf>
    <xf numFmtId="0" fontId="0" fillId="0" borderId="7" xfId="0" applyFont="1" applyBorder="1" applyAlignment="1">
      <alignment horizontal="left" vertical="top"/>
    </xf>
    <xf numFmtId="0" fontId="0" fillId="0" borderId="32" xfId="0" applyFont="1" applyBorder="1" applyAlignment="1">
      <alignment horizontal="left" vertical="top"/>
    </xf>
    <xf numFmtId="0" fontId="7" fillId="0" borderId="4" xfId="0" applyFont="1" applyBorder="1" applyAlignment="1">
      <alignment horizontal="left" vertical="top"/>
    </xf>
    <xf numFmtId="0" fontId="0" fillId="0" borderId="4" xfId="0" applyFont="1" applyBorder="1" applyAlignment="1">
      <alignment horizontal="left" vertical="top"/>
    </xf>
    <xf numFmtId="0" fontId="0" fillId="0" borderId="47" xfId="0" applyFont="1" applyBorder="1" applyAlignment="1">
      <alignment horizontal="left" vertical="top"/>
    </xf>
    <xf numFmtId="0" fontId="7" fillId="0" borderId="20" xfId="0" applyFont="1" applyBorder="1" applyAlignment="1">
      <alignment horizontal="center" wrapText="1"/>
    </xf>
    <xf numFmtId="0" fontId="7" fillId="0" borderId="1" xfId="0" applyFont="1" applyBorder="1" applyAlignment="1">
      <alignment horizontal="center" wrapText="1"/>
    </xf>
    <xf numFmtId="0" fontId="7" fillId="0" borderId="49" xfId="0" applyFont="1" applyBorder="1" applyAlignment="1">
      <alignment horizontal="center" wrapText="1"/>
    </xf>
    <xf numFmtId="0" fontId="7" fillId="0" borderId="27" xfId="0" applyFont="1" applyBorder="1" applyAlignment="1">
      <alignment horizontal="center" wrapText="1"/>
    </xf>
    <xf numFmtId="0" fontId="7" fillId="0" borderId="3" xfId="0" applyFont="1" applyBorder="1" applyAlignment="1">
      <alignment horizontal="center" vertical="center"/>
    </xf>
    <xf numFmtId="0" fontId="7" fillId="0" borderId="4" xfId="0" applyFont="1" applyBorder="1" applyAlignment="1">
      <alignment horizontal="center" vertical="center"/>
    </xf>
    <xf numFmtId="0" fontId="7" fillId="0" borderId="1" xfId="0" applyFont="1" applyBorder="1" applyAlignment="1">
      <alignment horizontal="center" vertical="center"/>
    </xf>
    <xf numFmtId="0" fontId="7" fillId="0" borderId="16" xfId="0" applyFont="1" applyBorder="1" applyAlignment="1">
      <alignment horizontal="center" vertical="center"/>
    </xf>
    <xf numFmtId="0" fontId="7" fillId="0" borderId="5" xfId="0" applyFont="1" applyBorder="1" applyAlignment="1">
      <alignment horizontal="center" vertical="center"/>
    </xf>
    <xf numFmtId="0" fontId="7" fillId="0" borderId="15" xfId="0" applyFont="1" applyBorder="1" applyAlignment="1">
      <alignment horizontal="center" vertical="center"/>
    </xf>
    <xf numFmtId="0" fontId="7" fillId="0" borderId="3" xfId="0" applyFont="1" applyBorder="1" applyAlignment="1">
      <alignment horizontal="left"/>
    </xf>
    <xf numFmtId="0" fontId="7" fillId="0" borderId="4" xfId="0" applyFont="1" applyBorder="1" applyAlignment="1">
      <alignment horizontal="left"/>
    </xf>
    <xf numFmtId="0" fontId="7" fillId="0" borderId="1" xfId="0" applyFont="1" applyBorder="1" applyAlignment="1">
      <alignment horizontal="left"/>
    </xf>
    <xf numFmtId="0" fontId="7" fillId="0" borderId="3" xfId="0" applyFont="1" applyBorder="1" applyAlignment="1">
      <alignment horizontal="center"/>
    </xf>
    <xf numFmtId="0" fontId="7" fillId="0" borderId="4" xfId="0" applyFont="1" applyBorder="1" applyAlignment="1">
      <alignment horizontal="center"/>
    </xf>
    <xf numFmtId="0" fontId="7" fillId="0" borderId="1" xfId="0" applyFont="1" applyBorder="1" applyAlignment="1">
      <alignment horizontal="center"/>
    </xf>
    <xf numFmtId="0" fontId="7" fillId="0" borderId="2" xfId="0" applyFont="1" applyBorder="1" applyAlignment="1">
      <alignment horizontal="left" vertical="center"/>
    </xf>
    <xf numFmtId="0" fontId="7" fillId="0" borderId="6" xfId="0" applyFont="1" applyBorder="1" applyAlignment="1">
      <alignment horizontal="left" vertical="center"/>
    </xf>
    <xf numFmtId="0" fontId="7" fillId="0" borderId="3" xfId="0" applyFont="1" applyBorder="1" applyAlignment="1">
      <alignment horizontal="left" vertical="top" wrapText="1"/>
    </xf>
    <xf numFmtId="0" fontId="7" fillId="0" borderId="4" xfId="0" applyFont="1" applyBorder="1" applyAlignment="1">
      <alignment horizontal="left" vertical="top" wrapText="1"/>
    </xf>
    <xf numFmtId="0" fontId="7" fillId="0" borderId="17" xfId="0" applyFont="1" applyBorder="1" applyAlignment="1">
      <alignment horizontal="left" vertical="top" wrapText="1"/>
    </xf>
    <xf numFmtId="0" fontId="7" fillId="0" borderId="0" xfId="0" applyFont="1" applyBorder="1" applyAlignment="1">
      <alignment horizontal="left" vertical="top" wrapText="1"/>
    </xf>
    <xf numFmtId="0" fontId="7" fillId="0" borderId="23" xfId="0" applyFont="1" applyBorder="1" applyAlignment="1">
      <alignment horizontal="left" vertical="top"/>
    </xf>
    <xf numFmtId="0" fontId="7" fillId="0" borderId="50" xfId="0" applyFont="1" applyBorder="1" applyAlignment="1">
      <alignment horizontal="left" vertical="top"/>
    </xf>
    <xf numFmtId="0" fontId="7" fillId="0" borderId="2" xfId="0" applyFont="1" applyBorder="1" applyAlignment="1">
      <alignment horizontal="left" shrinkToFit="1"/>
    </xf>
    <xf numFmtId="0" fontId="7" fillId="0" borderId="6" xfId="0" applyFont="1" applyBorder="1" applyAlignment="1">
      <alignment horizontal="left"/>
    </xf>
    <xf numFmtId="0" fontId="7" fillId="0" borderId="7" xfId="0" applyFont="1" applyBorder="1" applyAlignment="1">
      <alignment horizontal="left"/>
    </xf>
    <xf numFmtId="0" fontId="7" fillId="0" borderId="6" xfId="0" applyFont="1" applyBorder="1" applyAlignment="1">
      <alignment horizontal="center" wrapText="1"/>
    </xf>
    <xf numFmtId="0" fontId="7" fillId="0" borderId="5" xfId="0" applyFont="1" applyBorder="1" applyAlignment="1">
      <alignment horizontal="center" wrapText="1"/>
    </xf>
    <xf numFmtId="0" fontId="7" fillId="0" borderId="15" xfId="0" applyFont="1" applyBorder="1" applyAlignment="1">
      <alignment horizontal="center" wrapText="1"/>
    </xf>
    <xf numFmtId="0" fontId="7" fillId="0" borderId="3" xfId="0" applyFont="1" applyBorder="1" applyAlignment="1">
      <alignment horizontal="center" wrapText="1"/>
    </xf>
    <xf numFmtId="0" fontId="7" fillId="0" borderId="4" xfId="0" applyFont="1" applyBorder="1" applyAlignment="1">
      <alignment horizontal="center" wrapText="1"/>
    </xf>
    <xf numFmtId="0" fontId="7" fillId="0" borderId="17" xfId="0" applyFont="1" applyBorder="1" applyAlignment="1">
      <alignment horizontal="center" wrapText="1"/>
    </xf>
    <xf numFmtId="0" fontId="7" fillId="0" borderId="0" xfId="0" applyFont="1" applyBorder="1" applyAlignment="1">
      <alignment horizontal="center" wrapText="1"/>
    </xf>
    <xf numFmtId="0" fontId="7" fillId="0" borderId="16" xfId="0" applyFont="1" applyBorder="1" applyAlignment="1">
      <alignment horizontal="center" wrapText="1"/>
    </xf>
  </cellXfs>
  <cellStyles count="48">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45"/>
    <cellStyle name="パーセント 2 2" xfId="47"/>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2" xfId="44"/>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2"/>
    <cellStyle name="標準 3" xfId="43"/>
    <cellStyle name="標準 3 2" xfId="46"/>
    <cellStyle name="良い" xfId="41" builtinId="26" customBuiltin="1"/>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externalLink" Target="externalLinks/externalLink3.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14"/>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15"/>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 name="Text Box 16"/>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6" name="Text Box 17"/>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7" name="Text Box 18"/>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8" name="Text Box 19"/>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9" name="Text Box 20"/>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10" name="Text Box 21"/>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22"/>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2" name="Text Box 23"/>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3" name="Text Box 24"/>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14" name="Text Box 25"/>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15" name="Text Box 26"/>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16" name="Text Box 27"/>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17" name="Text Box 28"/>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8" name="Text Box 29"/>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19" name="Text Box 30"/>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0" name="Text Box 31"/>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1" name="Text Box 32"/>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22" name="Text Box 33"/>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23" name="Text Box 34"/>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4" name="Text Box 35"/>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5" name="Text Box 36"/>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6" name="Text Box 37"/>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27" name="Text Box 38"/>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28" name="Text Box 39"/>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29" name="Text Box 40"/>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0" name="Text Box 41"/>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31" name="Text Box 42"/>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32" name="Text Box 43"/>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33" name="Text Box 44"/>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34" name="Text Box 45"/>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5" name="Text Box 46"/>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6" name="Text Box 47"/>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37" name="Text Box 48"/>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8" name="Text Box 49"/>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39" name="Text Box 50"/>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40" name="Text Box 52"/>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7</xdr:row>
      <xdr:rowOff>0</xdr:rowOff>
    </xdr:from>
    <xdr:to>
      <xdr:col>6</xdr:col>
      <xdr:colOff>467134</xdr:colOff>
      <xdr:row>37</xdr:row>
      <xdr:rowOff>0</xdr:rowOff>
    </xdr:to>
    <xdr:sp macro="" textlink="">
      <xdr:nvSpPr>
        <xdr:cNvPr id="41" name="Text Box 53"/>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7</xdr:row>
      <xdr:rowOff>0</xdr:rowOff>
    </xdr:from>
    <xdr:to>
      <xdr:col>6</xdr:col>
      <xdr:colOff>467134</xdr:colOff>
      <xdr:row>37</xdr:row>
      <xdr:rowOff>0</xdr:rowOff>
    </xdr:to>
    <xdr:sp macro="" textlink="">
      <xdr:nvSpPr>
        <xdr:cNvPr id="42" name="Text Box 54"/>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7</xdr:row>
      <xdr:rowOff>0</xdr:rowOff>
    </xdr:from>
    <xdr:to>
      <xdr:col>6</xdr:col>
      <xdr:colOff>467134</xdr:colOff>
      <xdr:row>37</xdr:row>
      <xdr:rowOff>0</xdr:rowOff>
    </xdr:to>
    <xdr:sp macro="" textlink="">
      <xdr:nvSpPr>
        <xdr:cNvPr id="43" name="Text Box 55"/>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7</xdr:row>
      <xdr:rowOff>0</xdr:rowOff>
    </xdr:from>
    <xdr:to>
      <xdr:col>10</xdr:col>
      <xdr:colOff>314381</xdr:colOff>
      <xdr:row>37</xdr:row>
      <xdr:rowOff>0</xdr:rowOff>
    </xdr:to>
    <xdr:sp macro="" textlink="">
      <xdr:nvSpPr>
        <xdr:cNvPr id="44" name="Text Box 56"/>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7</xdr:row>
      <xdr:rowOff>0</xdr:rowOff>
    </xdr:from>
    <xdr:to>
      <xdr:col>4</xdr:col>
      <xdr:colOff>2275340</xdr:colOff>
      <xdr:row>37</xdr:row>
      <xdr:rowOff>0</xdr:rowOff>
    </xdr:to>
    <xdr:sp macro="" textlink="">
      <xdr:nvSpPr>
        <xdr:cNvPr id="45" name="Text Box 57"/>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7</xdr:row>
      <xdr:rowOff>0</xdr:rowOff>
    </xdr:from>
    <xdr:to>
      <xdr:col>1</xdr:col>
      <xdr:colOff>1532930</xdr:colOff>
      <xdr:row>37</xdr:row>
      <xdr:rowOff>0</xdr:rowOff>
    </xdr:to>
    <xdr:sp macro="" textlink="">
      <xdr:nvSpPr>
        <xdr:cNvPr id="46" name="Text Box 58"/>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7</xdr:row>
      <xdr:rowOff>0</xdr:rowOff>
    </xdr:from>
    <xdr:to>
      <xdr:col>4</xdr:col>
      <xdr:colOff>2360954</xdr:colOff>
      <xdr:row>37</xdr:row>
      <xdr:rowOff>0</xdr:rowOff>
    </xdr:to>
    <xdr:sp macro="" textlink="">
      <xdr:nvSpPr>
        <xdr:cNvPr id="47" name="Text Box 59"/>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7</xdr:row>
      <xdr:rowOff>0</xdr:rowOff>
    </xdr:from>
    <xdr:to>
      <xdr:col>4</xdr:col>
      <xdr:colOff>2360954</xdr:colOff>
      <xdr:row>37</xdr:row>
      <xdr:rowOff>0</xdr:rowOff>
    </xdr:to>
    <xdr:sp macro="" textlink="">
      <xdr:nvSpPr>
        <xdr:cNvPr id="48" name="Text Box 60"/>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7</xdr:row>
      <xdr:rowOff>0</xdr:rowOff>
    </xdr:from>
    <xdr:to>
      <xdr:col>4</xdr:col>
      <xdr:colOff>2360954</xdr:colOff>
      <xdr:row>37</xdr:row>
      <xdr:rowOff>0</xdr:rowOff>
    </xdr:to>
    <xdr:sp macro="" textlink="">
      <xdr:nvSpPr>
        <xdr:cNvPr id="49" name="Text Box 61"/>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7</xdr:row>
      <xdr:rowOff>0</xdr:rowOff>
    </xdr:from>
    <xdr:to>
      <xdr:col>0</xdr:col>
      <xdr:colOff>180975</xdr:colOff>
      <xdr:row>37</xdr:row>
      <xdr:rowOff>0</xdr:rowOff>
    </xdr:to>
    <xdr:sp macro="" textlink="">
      <xdr:nvSpPr>
        <xdr:cNvPr id="50" name="Text Box 62"/>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51" name="Rectangle 63"/>
        <xdr:cNvSpPr>
          <a:spLocks noChangeArrowheads="1"/>
        </xdr:cNvSpPr>
      </xdr:nvSpPr>
      <xdr:spPr bwMode="auto">
        <a:xfrm>
          <a:off x="1276350" y="6991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14"/>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15"/>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1</xdr:row>
      <xdr:rowOff>0</xdr:rowOff>
    </xdr:from>
    <xdr:to>
      <xdr:col>10</xdr:col>
      <xdr:colOff>314381</xdr:colOff>
      <xdr:row>1</xdr:row>
      <xdr:rowOff>0</xdr:rowOff>
    </xdr:to>
    <xdr:sp macro="" textlink="">
      <xdr:nvSpPr>
        <xdr:cNvPr id="55" name="Text Box 16"/>
        <xdr:cNvSpPr txBox="1"/>
      </xdr:nvSpPr>
      <xdr:spPr bwMode="auto">
        <a:xfrm>
          <a:off x="15706865" y="25717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1</xdr:row>
      <xdr:rowOff>0</xdr:rowOff>
    </xdr:from>
    <xdr:to>
      <xdr:col>4</xdr:col>
      <xdr:colOff>2275340</xdr:colOff>
      <xdr:row>1</xdr:row>
      <xdr:rowOff>0</xdr:rowOff>
    </xdr:to>
    <xdr:sp macro="" textlink="">
      <xdr:nvSpPr>
        <xdr:cNvPr id="56" name="Text Box 17"/>
        <xdr:cNvSpPr txBox="1"/>
      </xdr:nvSpPr>
      <xdr:spPr bwMode="auto">
        <a:xfrm>
          <a:off x="8154814" y="25717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1</xdr:row>
      <xdr:rowOff>0</xdr:rowOff>
    </xdr:from>
    <xdr:to>
      <xdr:col>1</xdr:col>
      <xdr:colOff>1532930</xdr:colOff>
      <xdr:row>1</xdr:row>
      <xdr:rowOff>0</xdr:rowOff>
    </xdr:to>
    <xdr:sp macro="" textlink="">
      <xdr:nvSpPr>
        <xdr:cNvPr id="57" name="Text Box 18"/>
        <xdr:cNvSpPr txBox="1"/>
      </xdr:nvSpPr>
      <xdr:spPr bwMode="auto">
        <a:xfrm>
          <a:off x="1152079" y="25717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8" name="Text Box 19"/>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59" name="Text Box 20"/>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60954</xdr:colOff>
      <xdr:row>1</xdr:row>
      <xdr:rowOff>0</xdr:rowOff>
    </xdr:to>
    <xdr:sp macro="" textlink="">
      <xdr:nvSpPr>
        <xdr:cNvPr id="60" name="Text Box 21"/>
        <xdr:cNvSpPr txBox="1"/>
      </xdr:nvSpPr>
      <xdr:spPr bwMode="auto">
        <a:xfrm>
          <a:off x="8240427" y="25717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22"/>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2" name="Text Box 23"/>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3" name="Text Box 24"/>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64" name="Text Box 25"/>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65" name="Text Box 26"/>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66" name="Text Box 27"/>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67" name="Text Box 28"/>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8" name="Text Box 29"/>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69" name="Text Box 30"/>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0" name="Text Box 31"/>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1" name="Text Box 32"/>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2</xdr:row>
      <xdr:rowOff>0</xdr:rowOff>
    </xdr:from>
    <xdr:to>
      <xdr:col>6</xdr:col>
      <xdr:colOff>934269</xdr:colOff>
      <xdr:row>2</xdr:row>
      <xdr:rowOff>0</xdr:rowOff>
    </xdr:to>
    <xdr:sp macro="" textlink="">
      <xdr:nvSpPr>
        <xdr:cNvPr id="72" name="Text Box 33"/>
        <xdr:cNvSpPr txBox="1"/>
      </xdr:nvSpPr>
      <xdr:spPr bwMode="auto">
        <a:xfrm>
          <a:off x="13373323" y="514350"/>
          <a:ext cx="56257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2</xdr:row>
      <xdr:rowOff>0</xdr:rowOff>
    </xdr:from>
    <xdr:to>
      <xdr:col>4</xdr:col>
      <xdr:colOff>2248998</xdr:colOff>
      <xdr:row>2</xdr:row>
      <xdr:rowOff>0</xdr:rowOff>
    </xdr:to>
    <xdr:sp macro="" textlink="">
      <xdr:nvSpPr>
        <xdr:cNvPr id="73" name="Text Box 34"/>
        <xdr:cNvSpPr txBox="1"/>
      </xdr:nvSpPr>
      <xdr:spPr bwMode="auto">
        <a:xfrm>
          <a:off x="8085665" y="51435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4" name="Text Box 35"/>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5" name="Text Box 36"/>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6" name="Text Box 37"/>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77" name="Text Box 38"/>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78" name="Text Box 39"/>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79" name="Text Box 40"/>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0" name="Text Box 41"/>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2</xdr:row>
      <xdr:rowOff>0</xdr:rowOff>
    </xdr:from>
    <xdr:to>
      <xdr:col>6</xdr:col>
      <xdr:colOff>467134</xdr:colOff>
      <xdr:row>2</xdr:row>
      <xdr:rowOff>0</xdr:rowOff>
    </xdr:to>
    <xdr:sp macro="" textlink="">
      <xdr:nvSpPr>
        <xdr:cNvPr id="81" name="Text Box 42"/>
        <xdr:cNvSpPr txBox="1"/>
      </xdr:nvSpPr>
      <xdr:spPr bwMode="auto">
        <a:xfrm>
          <a:off x="12895362" y="514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2</xdr:row>
      <xdr:rowOff>0</xdr:rowOff>
    </xdr:from>
    <xdr:to>
      <xdr:col>10</xdr:col>
      <xdr:colOff>314381</xdr:colOff>
      <xdr:row>2</xdr:row>
      <xdr:rowOff>0</xdr:rowOff>
    </xdr:to>
    <xdr:sp macro="" textlink="">
      <xdr:nvSpPr>
        <xdr:cNvPr id="82" name="Text Box 43"/>
        <xdr:cNvSpPr txBox="1"/>
      </xdr:nvSpPr>
      <xdr:spPr bwMode="auto">
        <a:xfrm>
          <a:off x="15706865" y="514350"/>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2</xdr:row>
      <xdr:rowOff>0</xdr:rowOff>
    </xdr:from>
    <xdr:to>
      <xdr:col>4</xdr:col>
      <xdr:colOff>2275340</xdr:colOff>
      <xdr:row>2</xdr:row>
      <xdr:rowOff>0</xdr:rowOff>
    </xdr:to>
    <xdr:sp macro="" textlink="">
      <xdr:nvSpPr>
        <xdr:cNvPr id="83" name="Text Box 44"/>
        <xdr:cNvSpPr txBox="1"/>
      </xdr:nvSpPr>
      <xdr:spPr bwMode="auto">
        <a:xfrm>
          <a:off x="8154814" y="514350"/>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2</xdr:row>
      <xdr:rowOff>0</xdr:rowOff>
    </xdr:from>
    <xdr:to>
      <xdr:col>1</xdr:col>
      <xdr:colOff>1532930</xdr:colOff>
      <xdr:row>2</xdr:row>
      <xdr:rowOff>0</xdr:rowOff>
    </xdr:to>
    <xdr:sp macro="" textlink="">
      <xdr:nvSpPr>
        <xdr:cNvPr id="84" name="Text Box 45"/>
        <xdr:cNvSpPr txBox="1"/>
      </xdr:nvSpPr>
      <xdr:spPr bwMode="auto">
        <a:xfrm>
          <a:off x="1152079" y="514350"/>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5" name="Text Box 46"/>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6" name="Text Box 47"/>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2</xdr:row>
      <xdr:rowOff>0</xdr:rowOff>
    </xdr:from>
    <xdr:to>
      <xdr:col>4</xdr:col>
      <xdr:colOff>2360954</xdr:colOff>
      <xdr:row>2</xdr:row>
      <xdr:rowOff>0</xdr:rowOff>
    </xdr:to>
    <xdr:sp macro="" textlink="">
      <xdr:nvSpPr>
        <xdr:cNvPr id="87" name="Text Box 48"/>
        <xdr:cNvSpPr txBox="1"/>
      </xdr:nvSpPr>
      <xdr:spPr bwMode="auto">
        <a:xfrm>
          <a:off x="8240427" y="514350"/>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8" name="Text Box 49"/>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xdr:row>
      <xdr:rowOff>0</xdr:rowOff>
    </xdr:from>
    <xdr:to>
      <xdr:col>0</xdr:col>
      <xdr:colOff>180975</xdr:colOff>
      <xdr:row>2</xdr:row>
      <xdr:rowOff>0</xdr:rowOff>
    </xdr:to>
    <xdr:sp macro="" textlink="">
      <xdr:nvSpPr>
        <xdr:cNvPr id="89" name="Text Box 50"/>
        <xdr:cNvSpPr txBox="1"/>
      </xdr:nvSpPr>
      <xdr:spPr bwMode="auto">
        <a:xfrm>
          <a:off x="9544" y="514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0" name="Text Box 52"/>
        <xdr:cNvSpPr txBox="1"/>
      </xdr:nvSpPr>
      <xdr:spPr bwMode="auto">
        <a:xfrm>
          <a:off x="9544" y="78390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7</xdr:row>
      <xdr:rowOff>0</xdr:rowOff>
    </xdr:from>
    <xdr:to>
      <xdr:col>6</xdr:col>
      <xdr:colOff>467134</xdr:colOff>
      <xdr:row>37</xdr:row>
      <xdr:rowOff>0</xdr:rowOff>
    </xdr:to>
    <xdr:sp macro="" textlink="">
      <xdr:nvSpPr>
        <xdr:cNvPr id="91" name="Text Box 53"/>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7</xdr:row>
      <xdr:rowOff>0</xdr:rowOff>
    </xdr:from>
    <xdr:to>
      <xdr:col>6</xdr:col>
      <xdr:colOff>467134</xdr:colOff>
      <xdr:row>37</xdr:row>
      <xdr:rowOff>0</xdr:rowOff>
    </xdr:to>
    <xdr:sp macro="" textlink="">
      <xdr:nvSpPr>
        <xdr:cNvPr id="92" name="Text Box 54"/>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37</xdr:row>
      <xdr:rowOff>0</xdr:rowOff>
    </xdr:from>
    <xdr:to>
      <xdr:col>6</xdr:col>
      <xdr:colOff>467134</xdr:colOff>
      <xdr:row>37</xdr:row>
      <xdr:rowOff>0</xdr:rowOff>
    </xdr:to>
    <xdr:sp macro="" textlink="">
      <xdr:nvSpPr>
        <xdr:cNvPr id="93" name="Text Box 55"/>
        <xdr:cNvSpPr txBox="1"/>
      </xdr:nvSpPr>
      <xdr:spPr bwMode="auto">
        <a:xfrm>
          <a:off x="12895362" y="104108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71590</xdr:colOff>
      <xdr:row>37</xdr:row>
      <xdr:rowOff>0</xdr:rowOff>
    </xdr:from>
    <xdr:to>
      <xdr:col>10</xdr:col>
      <xdr:colOff>314381</xdr:colOff>
      <xdr:row>37</xdr:row>
      <xdr:rowOff>0</xdr:rowOff>
    </xdr:to>
    <xdr:sp macro="" textlink="">
      <xdr:nvSpPr>
        <xdr:cNvPr id="94" name="Text Box 56"/>
        <xdr:cNvSpPr txBox="1"/>
      </xdr:nvSpPr>
      <xdr:spPr bwMode="auto">
        <a:xfrm>
          <a:off x="15706865" y="10410825"/>
          <a:ext cx="5523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25439</xdr:colOff>
      <xdr:row>37</xdr:row>
      <xdr:rowOff>0</xdr:rowOff>
    </xdr:from>
    <xdr:to>
      <xdr:col>4</xdr:col>
      <xdr:colOff>2275340</xdr:colOff>
      <xdr:row>37</xdr:row>
      <xdr:rowOff>0</xdr:rowOff>
    </xdr:to>
    <xdr:sp macro="" textlink="">
      <xdr:nvSpPr>
        <xdr:cNvPr id="95" name="Text Box 57"/>
        <xdr:cNvSpPr txBox="1"/>
      </xdr:nvSpPr>
      <xdr:spPr bwMode="auto">
        <a:xfrm>
          <a:off x="8154814" y="10410825"/>
          <a:ext cx="54990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71104</xdr:colOff>
      <xdr:row>37</xdr:row>
      <xdr:rowOff>0</xdr:rowOff>
    </xdr:from>
    <xdr:to>
      <xdr:col>1</xdr:col>
      <xdr:colOff>1532930</xdr:colOff>
      <xdr:row>37</xdr:row>
      <xdr:rowOff>0</xdr:rowOff>
    </xdr:to>
    <xdr:sp macro="" textlink="">
      <xdr:nvSpPr>
        <xdr:cNvPr id="96" name="Text Box 58"/>
        <xdr:cNvSpPr txBox="1"/>
      </xdr:nvSpPr>
      <xdr:spPr bwMode="auto">
        <a:xfrm>
          <a:off x="1152079" y="10410825"/>
          <a:ext cx="56182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7</xdr:row>
      <xdr:rowOff>0</xdr:rowOff>
    </xdr:from>
    <xdr:to>
      <xdr:col>4</xdr:col>
      <xdr:colOff>2360954</xdr:colOff>
      <xdr:row>37</xdr:row>
      <xdr:rowOff>0</xdr:rowOff>
    </xdr:to>
    <xdr:sp macro="" textlink="">
      <xdr:nvSpPr>
        <xdr:cNvPr id="97" name="Text Box 59"/>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7</xdr:row>
      <xdr:rowOff>0</xdr:rowOff>
    </xdr:from>
    <xdr:to>
      <xdr:col>4</xdr:col>
      <xdr:colOff>2360954</xdr:colOff>
      <xdr:row>37</xdr:row>
      <xdr:rowOff>0</xdr:rowOff>
    </xdr:to>
    <xdr:sp macro="" textlink="">
      <xdr:nvSpPr>
        <xdr:cNvPr id="98" name="Text Box 60"/>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37</xdr:row>
      <xdr:rowOff>0</xdr:rowOff>
    </xdr:from>
    <xdr:to>
      <xdr:col>4</xdr:col>
      <xdr:colOff>2360954</xdr:colOff>
      <xdr:row>37</xdr:row>
      <xdr:rowOff>0</xdr:rowOff>
    </xdr:to>
    <xdr:sp macro="" textlink="">
      <xdr:nvSpPr>
        <xdr:cNvPr id="99" name="Text Box 61"/>
        <xdr:cNvSpPr txBox="1"/>
      </xdr:nvSpPr>
      <xdr:spPr bwMode="auto">
        <a:xfrm>
          <a:off x="8240427" y="10410825"/>
          <a:ext cx="54990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7</xdr:row>
      <xdr:rowOff>0</xdr:rowOff>
    </xdr:from>
    <xdr:to>
      <xdr:col>0</xdr:col>
      <xdr:colOff>180975</xdr:colOff>
      <xdr:row>37</xdr:row>
      <xdr:rowOff>0</xdr:rowOff>
    </xdr:to>
    <xdr:sp macro="" textlink="">
      <xdr:nvSpPr>
        <xdr:cNvPr id="100" name="Text Box 62"/>
        <xdr:cNvSpPr txBox="1"/>
      </xdr:nvSpPr>
      <xdr:spPr bwMode="auto">
        <a:xfrm>
          <a:off x="9544" y="104108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95375</xdr:colOff>
      <xdr:row>26</xdr:row>
      <xdr:rowOff>180975</xdr:rowOff>
    </xdr:from>
    <xdr:to>
      <xdr:col>5</xdr:col>
      <xdr:colOff>3133725</xdr:colOff>
      <xdr:row>33</xdr:row>
      <xdr:rowOff>123825</xdr:rowOff>
    </xdr:to>
    <xdr:sp macro="" textlink="">
      <xdr:nvSpPr>
        <xdr:cNvPr id="101" name="Rectangle 63"/>
        <xdr:cNvSpPr>
          <a:spLocks noChangeArrowheads="1"/>
        </xdr:cNvSpPr>
      </xdr:nvSpPr>
      <xdr:spPr bwMode="auto">
        <a:xfrm>
          <a:off x="1276350" y="699135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rgb="FFFFFF00"/>
    <pageSetUpPr fitToPage="1"/>
  </sheetPr>
  <dimension ref="A2:AG360"/>
  <sheetViews>
    <sheetView tabSelected="1" view="pageBreakPreview" zoomScale="110" zoomScaleNormal="100" zoomScaleSheetLayoutView="110" workbookViewId="0"/>
  </sheetViews>
  <sheetFormatPr defaultRowHeight="20.25" customHeight="1" x14ac:dyDescent="0.15"/>
  <cols>
    <col min="1" max="1" width="4.25" style="149" customWidth="1"/>
    <col min="2" max="2" width="4.25" style="174" customWidth="1"/>
    <col min="3" max="3" width="25" style="147" customWidth="1"/>
    <col min="4" max="4" width="4.875" style="161" customWidth="1"/>
    <col min="5" max="5" width="41.625" style="147" customWidth="1"/>
    <col min="6" max="6" width="4.875" style="161" customWidth="1"/>
    <col min="7" max="7" width="19.625" style="147" customWidth="1"/>
    <col min="8" max="8" width="33.875" style="147" customWidth="1"/>
    <col min="9" max="10" width="4.875" style="147" customWidth="1"/>
    <col min="11" max="18" width="4.875" style="161" customWidth="1"/>
    <col min="19" max="32" width="4.875" style="147" customWidth="1"/>
    <col min="33" max="33" width="13.375" style="147" bestFit="1" customWidth="1"/>
    <col min="34" max="267" width="9" style="147"/>
    <col min="268" max="268" width="4.25" style="147" customWidth="1"/>
    <col min="269" max="269" width="25" style="147" customWidth="1"/>
    <col min="270" max="270" width="41.625" style="147" customWidth="1"/>
    <col min="271" max="271" width="19.625" style="147" customWidth="1"/>
    <col min="272" max="272" width="33.875" style="147" customWidth="1"/>
    <col min="273" max="273" width="25" style="147" customWidth="1"/>
    <col min="274" max="274" width="13.625" style="147" customWidth="1"/>
    <col min="275" max="288" width="4.875" style="147" customWidth="1"/>
    <col min="289" max="289" width="13.375" style="147" bestFit="1" customWidth="1"/>
    <col min="290" max="523" width="9" style="147"/>
    <col min="524" max="524" width="4.25" style="147" customWidth="1"/>
    <col min="525" max="525" width="25" style="147" customWidth="1"/>
    <col min="526" max="526" width="41.625" style="147" customWidth="1"/>
    <col min="527" max="527" width="19.625" style="147" customWidth="1"/>
    <col min="528" max="528" width="33.875" style="147" customWidth="1"/>
    <col min="529" max="529" width="25" style="147" customWidth="1"/>
    <col min="530" max="530" width="13.625" style="147" customWidth="1"/>
    <col min="531" max="544" width="4.875" style="147" customWidth="1"/>
    <col min="545" max="545" width="13.375" style="147" bestFit="1" customWidth="1"/>
    <col min="546" max="779" width="9" style="147"/>
    <col min="780" max="780" width="4.25" style="147" customWidth="1"/>
    <col min="781" max="781" width="25" style="147" customWidth="1"/>
    <col min="782" max="782" width="41.625" style="147" customWidth="1"/>
    <col min="783" max="783" width="19.625" style="147" customWidth="1"/>
    <col min="784" max="784" width="33.875" style="147" customWidth="1"/>
    <col min="785" max="785" width="25" style="147" customWidth="1"/>
    <col min="786" max="786" width="13.625" style="147" customWidth="1"/>
    <col min="787" max="800" width="4.875" style="147" customWidth="1"/>
    <col min="801" max="801" width="13.375" style="147" bestFit="1" customWidth="1"/>
    <col min="802" max="1035" width="9" style="147"/>
    <col min="1036" max="1036" width="4.25" style="147" customWidth="1"/>
    <col min="1037" max="1037" width="25" style="147" customWidth="1"/>
    <col min="1038" max="1038" width="41.625" style="147" customWidth="1"/>
    <col min="1039" max="1039" width="19.625" style="147" customWidth="1"/>
    <col min="1040" max="1040" width="33.875" style="147" customWidth="1"/>
    <col min="1041" max="1041" width="25" style="147" customWidth="1"/>
    <col min="1042" max="1042" width="13.625" style="147" customWidth="1"/>
    <col min="1043" max="1056" width="4.875" style="147" customWidth="1"/>
    <col min="1057" max="1057" width="13.375" style="147" bestFit="1" customWidth="1"/>
    <col min="1058" max="1291" width="9" style="147"/>
    <col min="1292" max="1292" width="4.25" style="147" customWidth="1"/>
    <col min="1293" max="1293" width="25" style="147" customWidth="1"/>
    <col min="1294" max="1294" width="41.625" style="147" customWidth="1"/>
    <col min="1295" max="1295" width="19.625" style="147" customWidth="1"/>
    <col min="1296" max="1296" width="33.875" style="147" customWidth="1"/>
    <col min="1297" max="1297" width="25" style="147" customWidth="1"/>
    <col min="1298" max="1298" width="13.625" style="147" customWidth="1"/>
    <col min="1299" max="1312" width="4.875" style="147" customWidth="1"/>
    <col min="1313" max="1313" width="13.375" style="147" bestFit="1" customWidth="1"/>
    <col min="1314" max="1547" width="9" style="147"/>
    <col min="1548" max="1548" width="4.25" style="147" customWidth="1"/>
    <col min="1549" max="1549" width="25" style="147" customWidth="1"/>
    <col min="1550" max="1550" width="41.625" style="147" customWidth="1"/>
    <col min="1551" max="1551" width="19.625" style="147" customWidth="1"/>
    <col min="1552" max="1552" width="33.875" style="147" customWidth="1"/>
    <col min="1553" max="1553" width="25" style="147" customWidth="1"/>
    <col min="1554" max="1554" width="13.625" style="147" customWidth="1"/>
    <col min="1555" max="1568" width="4.875" style="147" customWidth="1"/>
    <col min="1569" max="1569" width="13.375" style="147" bestFit="1" customWidth="1"/>
    <col min="1570" max="1803" width="9" style="147"/>
    <col min="1804" max="1804" width="4.25" style="147" customWidth="1"/>
    <col min="1805" max="1805" width="25" style="147" customWidth="1"/>
    <col min="1806" max="1806" width="41.625" style="147" customWidth="1"/>
    <col min="1807" max="1807" width="19.625" style="147" customWidth="1"/>
    <col min="1808" max="1808" width="33.875" style="147" customWidth="1"/>
    <col min="1809" max="1809" width="25" style="147" customWidth="1"/>
    <col min="1810" max="1810" width="13.625" style="147" customWidth="1"/>
    <col min="1811" max="1824" width="4.875" style="147" customWidth="1"/>
    <col min="1825" max="1825" width="13.375" style="147" bestFit="1" customWidth="1"/>
    <col min="1826" max="2059" width="9" style="147"/>
    <col min="2060" max="2060" width="4.25" style="147" customWidth="1"/>
    <col min="2061" max="2061" width="25" style="147" customWidth="1"/>
    <col min="2062" max="2062" width="41.625" style="147" customWidth="1"/>
    <col min="2063" max="2063" width="19.625" style="147" customWidth="1"/>
    <col min="2064" max="2064" width="33.875" style="147" customWidth="1"/>
    <col min="2065" max="2065" width="25" style="147" customWidth="1"/>
    <col min="2066" max="2066" width="13.625" style="147" customWidth="1"/>
    <col min="2067" max="2080" width="4.875" style="147" customWidth="1"/>
    <col min="2081" max="2081" width="13.375" style="147" bestFit="1" customWidth="1"/>
    <col min="2082" max="2315" width="9" style="147"/>
    <col min="2316" max="2316" width="4.25" style="147" customWidth="1"/>
    <col min="2317" max="2317" width="25" style="147" customWidth="1"/>
    <col min="2318" max="2318" width="41.625" style="147" customWidth="1"/>
    <col min="2319" max="2319" width="19.625" style="147" customWidth="1"/>
    <col min="2320" max="2320" width="33.875" style="147" customWidth="1"/>
    <col min="2321" max="2321" width="25" style="147" customWidth="1"/>
    <col min="2322" max="2322" width="13.625" style="147" customWidth="1"/>
    <col min="2323" max="2336" width="4.875" style="147" customWidth="1"/>
    <col min="2337" max="2337" width="13.375" style="147" bestFit="1" customWidth="1"/>
    <col min="2338" max="2571" width="9" style="147"/>
    <col min="2572" max="2572" width="4.25" style="147" customWidth="1"/>
    <col min="2573" max="2573" width="25" style="147" customWidth="1"/>
    <col min="2574" max="2574" width="41.625" style="147" customWidth="1"/>
    <col min="2575" max="2575" width="19.625" style="147" customWidth="1"/>
    <col min="2576" max="2576" width="33.875" style="147" customWidth="1"/>
    <col min="2577" max="2577" width="25" style="147" customWidth="1"/>
    <col min="2578" max="2578" width="13.625" style="147" customWidth="1"/>
    <col min="2579" max="2592" width="4.875" style="147" customWidth="1"/>
    <col min="2593" max="2593" width="13.375" style="147" bestFit="1" customWidth="1"/>
    <col min="2594" max="2827" width="9" style="147"/>
    <col min="2828" max="2828" width="4.25" style="147" customWidth="1"/>
    <col min="2829" max="2829" width="25" style="147" customWidth="1"/>
    <col min="2830" max="2830" width="41.625" style="147" customWidth="1"/>
    <col min="2831" max="2831" width="19.625" style="147" customWidth="1"/>
    <col min="2832" max="2832" width="33.875" style="147" customWidth="1"/>
    <col min="2833" max="2833" width="25" style="147" customWidth="1"/>
    <col min="2834" max="2834" width="13.625" style="147" customWidth="1"/>
    <col min="2835" max="2848" width="4.875" style="147" customWidth="1"/>
    <col min="2849" max="2849" width="13.375" style="147" bestFit="1" customWidth="1"/>
    <col min="2850" max="3083" width="9" style="147"/>
    <col min="3084" max="3084" width="4.25" style="147" customWidth="1"/>
    <col min="3085" max="3085" width="25" style="147" customWidth="1"/>
    <col min="3086" max="3086" width="41.625" style="147" customWidth="1"/>
    <col min="3087" max="3087" width="19.625" style="147" customWidth="1"/>
    <col min="3088" max="3088" width="33.875" style="147" customWidth="1"/>
    <col min="3089" max="3089" width="25" style="147" customWidth="1"/>
    <col min="3090" max="3090" width="13.625" style="147" customWidth="1"/>
    <col min="3091" max="3104" width="4.875" style="147" customWidth="1"/>
    <col min="3105" max="3105" width="13.375" style="147" bestFit="1" customWidth="1"/>
    <col min="3106" max="3339" width="9" style="147"/>
    <col min="3340" max="3340" width="4.25" style="147" customWidth="1"/>
    <col min="3341" max="3341" width="25" style="147" customWidth="1"/>
    <col min="3342" max="3342" width="41.625" style="147" customWidth="1"/>
    <col min="3343" max="3343" width="19.625" style="147" customWidth="1"/>
    <col min="3344" max="3344" width="33.875" style="147" customWidth="1"/>
    <col min="3345" max="3345" width="25" style="147" customWidth="1"/>
    <col min="3346" max="3346" width="13.625" style="147" customWidth="1"/>
    <col min="3347" max="3360" width="4.875" style="147" customWidth="1"/>
    <col min="3361" max="3361" width="13.375" style="147" bestFit="1" customWidth="1"/>
    <col min="3362" max="3595" width="9" style="147"/>
    <col min="3596" max="3596" width="4.25" style="147" customWidth="1"/>
    <col min="3597" max="3597" width="25" style="147" customWidth="1"/>
    <col min="3598" max="3598" width="41.625" style="147" customWidth="1"/>
    <col min="3599" max="3599" width="19.625" style="147" customWidth="1"/>
    <col min="3600" max="3600" width="33.875" style="147" customWidth="1"/>
    <col min="3601" max="3601" width="25" style="147" customWidth="1"/>
    <col min="3602" max="3602" width="13.625" style="147" customWidth="1"/>
    <col min="3603" max="3616" width="4.875" style="147" customWidth="1"/>
    <col min="3617" max="3617" width="13.375" style="147" bestFit="1" customWidth="1"/>
    <col min="3618" max="3851" width="9" style="147"/>
    <col min="3852" max="3852" width="4.25" style="147" customWidth="1"/>
    <col min="3853" max="3853" width="25" style="147" customWidth="1"/>
    <col min="3854" max="3854" width="41.625" style="147" customWidth="1"/>
    <col min="3855" max="3855" width="19.625" style="147" customWidth="1"/>
    <col min="3856" max="3856" width="33.875" style="147" customWidth="1"/>
    <col min="3857" max="3857" width="25" style="147" customWidth="1"/>
    <col min="3858" max="3858" width="13.625" style="147" customWidth="1"/>
    <col min="3859" max="3872" width="4.875" style="147" customWidth="1"/>
    <col min="3873" max="3873" width="13.375" style="147" bestFit="1" customWidth="1"/>
    <col min="3874" max="4107" width="9" style="147"/>
    <col min="4108" max="4108" width="4.25" style="147" customWidth="1"/>
    <col min="4109" max="4109" width="25" style="147" customWidth="1"/>
    <col min="4110" max="4110" width="41.625" style="147" customWidth="1"/>
    <col min="4111" max="4111" width="19.625" style="147" customWidth="1"/>
    <col min="4112" max="4112" width="33.875" style="147" customWidth="1"/>
    <col min="4113" max="4113" width="25" style="147" customWidth="1"/>
    <col min="4114" max="4114" width="13.625" style="147" customWidth="1"/>
    <col min="4115" max="4128" width="4.875" style="147" customWidth="1"/>
    <col min="4129" max="4129" width="13.375" style="147" bestFit="1" customWidth="1"/>
    <col min="4130" max="4363" width="9" style="147"/>
    <col min="4364" max="4364" width="4.25" style="147" customWidth="1"/>
    <col min="4365" max="4365" width="25" style="147" customWidth="1"/>
    <col min="4366" max="4366" width="41.625" style="147" customWidth="1"/>
    <col min="4367" max="4367" width="19.625" style="147" customWidth="1"/>
    <col min="4368" max="4368" width="33.875" style="147" customWidth="1"/>
    <col min="4369" max="4369" width="25" style="147" customWidth="1"/>
    <col min="4370" max="4370" width="13.625" style="147" customWidth="1"/>
    <col min="4371" max="4384" width="4.875" style="147" customWidth="1"/>
    <col min="4385" max="4385" width="13.375" style="147" bestFit="1" customWidth="1"/>
    <col min="4386" max="4619" width="9" style="147"/>
    <col min="4620" max="4620" width="4.25" style="147" customWidth="1"/>
    <col min="4621" max="4621" width="25" style="147" customWidth="1"/>
    <col min="4622" max="4622" width="41.625" style="147" customWidth="1"/>
    <col min="4623" max="4623" width="19.625" style="147" customWidth="1"/>
    <col min="4624" max="4624" width="33.875" style="147" customWidth="1"/>
    <col min="4625" max="4625" width="25" style="147" customWidth="1"/>
    <col min="4626" max="4626" width="13.625" style="147" customWidth="1"/>
    <col min="4627" max="4640" width="4.875" style="147" customWidth="1"/>
    <col min="4641" max="4641" width="13.375" style="147" bestFit="1" customWidth="1"/>
    <col min="4642" max="4875" width="9" style="147"/>
    <col min="4876" max="4876" width="4.25" style="147" customWidth="1"/>
    <col min="4877" max="4877" width="25" style="147" customWidth="1"/>
    <col min="4878" max="4878" width="41.625" style="147" customWidth="1"/>
    <col min="4879" max="4879" width="19.625" style="147" customWidth="1"/>
    <col min="4880" max="4880" width="33.875" style="147" customWidth="1"/>
    <col min="4881" max="4881" width="25" style="147" customWidth="1"/>
    <col min="4882" max="4882" width="13.625" style="147" customWidth="1"/>
    <col min="4883" max="4896" width="4.875" style="147" customWidth="1"/>
    <col min="4897" max="4897" width="13.375" style="147" bestFit="1" customWidth="1"/>
    <col min="4898" max="5131" width="9" style="147"/>
    <col min="5132" max="5132" width="4.25" style="147" customWidth="1"/>
    <col min="5133" max="5133" width="25" style="147" customWidth="1"/>
    <col min="5134" max="5134" width="41.625" style="147" customWidth="1"/>
    <col min="5135" max="5135" width="19.625" style="147" customWidth="1"/>
    <col min="5136" max="5136" width="33.875" style="147" customWidth="1"/>
    <col min="5137" max="5137" width="25" style="147" customWidth="1"/>
    <col min="5138" max="5138" width="13.625" style="147" customWidth="1"/>
    <col min="5139" max="5152" width="4.875" style="147" customWidth="1"/>
    <col min="5153" max="5153" width="13.375" style="147" bestFit="1" customWidth="1"/>
    <col min="5154" max="5387" width="9" style="147"/>
    <col min="5388" max="5388" width="4.25" style="147" customWidth="1"/>
    <col min="5389" max="5389" width="25" style="147" customWidth="1"/>
    <col min="5390" max="5390" width="41.625" style="147" customWidth="1"/>
    <col min="5391" max="5391" width="19.625" style="147" customWidth="1"/>
    <col min="5392" max="5392" width="33.875" style="147" customWidth="1"/>
    <col min="5393" max="5393" width="25" style="147" customWidth="1"/>
    <col min="5394" max="5394" width="13.625" style="147" customWidth="1"/>
    <col min="5395" max="5408" width="4.875" style="147" customWidth="1"/>
    <col min="5409" max="5409" width="13.375" style="147" bestFit="1" customWidth="1"/>
    <col min="5410" max="5643" width="9" style="147"/>
    <col min="5644" max="5644" width="4.25" style="147" customWidth="1"/>
    <col min="5645" max="5645" width="25" style="147" customWidth="1"/>
    <col min="5646" max="5646" width="41.625" style="147" customWidth="1"/>
    <col min="5647" max="5647" width="19.625" style="147" customWidth="1"/>
    <col min="5648" max="5648" width="33.875" style="147" customWidth="1"/>
    <col min="5649" max="5649" width="25" style="147" customWidth="1"/>
    <col min="5650" max="5650" width="13.625" style="147" customWidth="1"/>
    <col min="5651" max="5664" width="4.875" style="147" customWidth="1"/>
    <col min="5665" max="5665" width="13.375" style="147" bestFit="1" customWidth="1"/>
    <col min="5666" max="5899" width="9" style="147"/>
    <col min="5900" max="5900" width="4.25" style="147" customWidth="1"/>
    <col min="5901" max="5901" width="25" style="147" customWidth="1"/>
    <col min="5902" max="5902" width="41.625" style="147" customWidth="1"/>
    <col min="5903" max="5903" width="19.625" style="147" customWidth="1"/>
    <col min="5904" max="5904" width="33.875" style="147" customWidth="1"/>
    <col min="5905" max="5905" width="25" style="147" customWidth="1"/>
    <col min="5906" max="5906" width="13.625" style="147" customWidth="1"/>
    <col min="5907" max="5920" width="4.875" style="147" customWidth="1"/>
    <col min="5921" max="5921" width="13.375" style="147" bestFit="1" customWidth="1"/>
    <col min="5922" max="6155" width="9" style="147"/>
    <col min="6156" max="6156" width="4.25" style="147" customWidth="1"/>
    <col min="6157" max="6157" width="25" style="147" customWidth="1"/>
    <col min="6158" max="6158" width="41.625" style="147" customWidth="1"/>
    <col min="6159" max="6159" width="19.625" style="147" customWidth="1"/>
    <col min="6160" max="6160" width="33.875" style="147" customWidth="1"/>
    <col min="6161" max="6161" width="25" style="147" customWidth="1"/>
    <col min="6162" max="6162" width="13.625" style="147" customWidth="1"/>
    <col min="6163" max="6176" width="4.875" style="147" customWidth="1"/>
    <col min="6177" max="6177" width="13.375" style="147" bestFit="1" customWidth="1"/>
    <col min="6178" max="6411" width="9" style="147"/>
    <col min="6412" max="6412" width="4.25" style="147" customWidth="1"/>
    <col min="6413" max="6413" width="25" style="147" customWidth="1"/>
    <col min="6414" max="6414" width="41.625" style="147" customWidth="1"/>
    <col min="6415" max="6415" width="19.625" style="147" customWidth="1"/>
    <col min="6416" max="6416" width="33.875" style="147" customWidth="1"/>
    <col min="6417" max="6417" width="25" style="147" customWidth="1"/>
    <col min="6418" max="6418" width="13.625" style="147" customWidth="1"/>
    <col min="6419" max="6432" width="4.875" style="147" customWidth="1"/>
    <col min="6433" max="6433" width="13.375" style="147" bestFit="1" customWidth="1"/>
    <col min="6434" max="6667" width="9" style="147"/>
    <col min="6668" max="6668" width="4.25" style="147" customWidth="1"/>
    <col min="6669" max="6669" width="25" style="147" customWidth="1"/>
    <col min="6670" max="6670" width="41.625" style="147" customWidth="1"/>
    <col min="6671" max="6671" width="19.625" style="147" customWidth="1"/>
    <col min="6672" max="6672" width="33.875" style="147" customWidth="1"/>
    <col min="6673" max="6673" width="25" style="147" customWidth="1"/>
    <col min="6674" max="6674" width="13.625" style="147" customWidth="1"/>
    <col min="6675" max="6688" width="4.875" style="147" customWidth="1"/>
    <col min="6689" max="6689" width="13.375" style="147" bestFit="1" customWidth="1"/>
    <col min="6690" max="6923" width="9" style="147"/>
    <col min="6924" max="6924" width="4.25" style="147" customWidth="1"/>
    <col min="6925" max="6925" width="25" style="147" customWidth="1"/>
    <col min="6926" max="6926" width="41.625" style="147" customWidth="1"/>
    <col min="6927" max="6927" width="19.625" style="147" customWidth="1"/>
    <col min="6928" max="6928" width="33.875" style="147" customWidth="1"/>
    <col min="6929" max="6929" width="25" style="147" customWidth="1"/>
    <col min="6930" max="6930" width="13.625" style="147" customWidth="1"/>
    <col min="6931" max="6944" width="4.875" style="147" customWidth="1"/>
    <col min="6945" max="6945" width="13.375" style="147" bestFit="1" customWidth="1"/>
    <col min="6946" max="7179" width="9" style="147"/>
    <col min="7180" max="7180" width="4.25" style="147" customWidth="1"/>
    <col min="7181" max="7181" width="25" style="147" customWidth="1"/>
    <col min="7182" max="7182" width="41.625" style="147" customWidth="1"/>
    <col min="7183" max="7183" width="19.625" style="147" customWidth="1"/>
    <col min="7184" max="7184" width="33.875" style="147" customWidth="1"/>
    <col min="7185" max="7185" width="25" style="147" customWidth="1"/>
    <col min="7186" max="7186" width="13.625" style="147" customWidth="1"/>
    <col min="7187" max="7200" width="4.875" style="147" customWidth="1"/>
    <col min="7201" max="7201" width="13.375" style="147" bestFit="1" customWidth="1"/>
    <col min="7202" max="7435" width="9" style="147"/>
    <col min="7436" max="7436" width="4.25" style="147" customWidth="1"/>
    <col min="7437" max="7437" width="25" style="147" customWidth="1"/>
    <col min="7438" max="7438" width="41.625" style="147" customWidth="1"/>
    <col min="7439" max="7439" width="19.625" style="147" customWidth="1"/>
    <col min="7440" max="7440" width="33.875" style="147" customWidth="1"/>
    <col min="7441" max="7441" width="25" style="147" customWidth="1"/>
    <col min="7442" max="7442" width="13.625" style="147" customWidth="1"/>
    <col min="7443" max="7456" width="4.875" style="147" customWidth="1"/>
    <col min="7457" max="7457" width="13.375" style="147" bestFit="1" customWidth="1"/>
    <col min="7458" max="7691" width="9" style="147"/>
    <col min="7692" max="7692" width="4.25" style="147" customWidth="1"/>
    <col min="7693" max="7693" width="25" style="147" customWidth="1"/>
    <col min="7694" max="7694" width="41.625" style="147" customWidth="1"/>
    <col min="7695" max="7695" width="19.625" style="147" customWidth="1"/>
    <col min="7696" max="7696" width="33.875" style="147" customWidth="1"/>
    <col min="7697" max="7697" width="25" style="147" customWidth="1"/>
    <col min="7698" max="7698" width="13.625" style="147" customWidth="1"/>
    <col min="7699" max="7712" width="4.875" style="147" customWidth="1"/>
    <col min="7713" max="7713" width="13.375" style="147" bestFit="1" customWidth="1"/>
    <col min="7714" max="7947" width="9" style="147"/>
    <col min="7948" max="7948" width="4.25" style="147" customWidth="1"/>
    <col min="7949" max="7949" width="25" style="147" customWidth="1"/>
    <col min="7950" max="7950" width="41.625" style="147" customWidth="1"/>
    <col min="7951" max="7951" width="19.625" style="147" customWidth="1"/>
    <col min="7952" max="7952" width="33.875" style="147" customWidth="1"/>
    <col min="7953" max="7953" width="25" style="147" customWidth="1"/>
    <col min="7954" max="7954" width="13.625" style="147" customWidth="1"/>
    <col min="7955" max="7968" width="4.875" style="147" customWidth="1"/>
    <col min="7969" max="7969" width="13.375" style="147" bestFit="1" customWidth="1"/>
    <col min="7970" max="8203" width="9" style="147"/>
    <col min="8204" max="8204" width="4.25" style="147" customWidth="1"/>
    <col min="8205" max="8205" width="25" style="147" customWidth="1"/>
    <col min="8206" max="8206" width="41.625" style="147" customWidth="1"/>
    <col min="8207" max="8207" width="19.625" style="147" customWidth="1"/>
    <col min="8208" max="8208" width="33.875" style="147" customWidth="1"/>
    <col min="8209" max="8209" width="25" style="147" customWidth="1"/>
    <col min="8210" max="8210" width="13.625" style="147" customWidth="1"/>
    <col min="8211" max="8224" width="4.875" style="147" customWidth="1"/>
    <col min="8225" max="8225" width="13.375" style="147" bestFit="1" customWidth="1"/>
    <col min="8226" max="8459" width="9" style="147"/>
    <col min="8460" max="8460" width="4.25" style="147" customWidth="1"/>
    <col min="8461" max="8461" width="25" style="147" customWidth="1"/>
    <col min="8462" max="8462" width="41.625" style="147" customWidth="1"/>
    <col min="8463" max="8463" width="19.625" style="147" customWidth="1"/>
    <col min="8464" max="8464" width="33.875" style="147" customWidth="1"/>
    <col min="8465" max="8465" width="25" style="147" customWidth="1"/>
    <col min="8466" max="8466" width="13.625" style="147" customWidth="1"/>
    <col min="8467" max="8480" width="4.875" style="147" customWidth="1"/>
    <col min="8481" max="8481" width="13.375" style="147" bestFit="1" customWidth="1"/>
    <col min="8482" max="8715" width="9" style="147"/>
    <col min="8716" max="8716" width="4.25" style="147" customWidth="1"/>
    <col min="8717" max="8717" width="25" style="147" customWidth="1"/>
    <col min="8718" max="8718" width="41.625" style="147" customWidth="1"/>
    <col min="8719" max="8719" width="19.625" style="147" customWidth="1"/>
    <col min="8720" max="8720" width="33.875" style="147" customWidth="1"/>
    <col min="8721" max="8721" width="25" style="147" customWidth="1"/>
    <col min="8722" max="8722" width="13.625" style="147" customWidth="1"/>
    <col min="8723" max="8736" width="4.875" style="147" customWidth="1"/>
    <col min="8737" max="8737" width="13.375" style="147" bestFit="1" customWidth="1"/>
    <col min="8738" max="8971" width="9" style="147"/>
    <col min="8972" max="8972" width="4.25" style="147" customWidth="1"/>
    <col min="8973" max="8973" width="25" style="147" customWidth="1"/>
    <col min="8974" max="8974" width="41.625" style="147" customWidth="1"/>
    <col min="8975" max="8975" width="19.625" style="147" customWidth="1"/>
    <col min="8976" max="8976" width="33.875" style="147" customWidth="1"/>
    <col min="8977" max="8977" width="25" style="147" customWidth="1"/>
    <col min="8978" max="8978" width="13.625" style="147" customWidth="1"/>
    <col min="8979" max="8992" width="4.875" style="147" customWidth="1"/>
    <col min="8993" max="8993" width="13.375" style="147" bestFit="1" customWidth="1"/>
    <col min="8994" max="9227" width="9" style="147"/>
    <col min="9228" max="9228" width="4.25" style="147" customWidth="1"/>
    <col min="9229" max="9229" width="25" style="147" customWidth="1"/>
    <col min="9230" max="9230" width="41.625" style="147" customWidth="1"/>
    <col min="9231" max="9231" width="19.625" style="147" customWidth="1"/>
    <col min="9232" max="9232" width="33.875" style="147" customWidth="1"/>
    <col min="9233" max="9233" width="25" style="147" customWidth="1"/>
    <col min="9234" max="9234" width="13.625" style="147" customWidth="1"/>
    <col min="9235" max="9248" width="4.875" style="147" customWidth="1"/>
    <col min="9249" max="9249" width="13.375" style="147" bestFit="1" customWidth="1"/>
    <col min="9250" max="9483" width="9" style="147"/>
    <col min="9484" max="9484" width="4.25" style="147" customWidth="1"/>
    <col min="9485" max="9485" width="25" style="147" customWidth="1"/>
    <col min="9486" max="9486" width="41.625" style="147" customWidth="1"/>
    <col min="9487" max="9487" width="19.625" style="147" customWidth="1"/>
    <col min="9488" max="9488" width="33.875" style="147" customWidth="1"/>
    <col min="9489" max="9489" width="25" style="147" customWidth="1"/>
    <col min="9490" max="9490" width="13.625" style="147" customWidth="1"/>
    <col min="9491" max="9504" width="4.875" style="147" customWidth="1"/>
    <col min="9505" max="9505" width="13.375" style="147" bestFit="1" customWidth="1"/>
    <col min="9506" max="9739" width="9" style="147"/>
    <col min="9740" max="9740" width="4.25" style="147" customWidth="1"/>
    <col min="9741" max="9741" width="25" style="147" customWidth="1"/>
    <col min="9742" max="9742" width="41.625" style="147" customWidth="1"/>
    <col min="9743" max="9743" width="19.625" style="147" customWidth="1"/>
    <col min="9744" max="9744" width="33.875" style="147" customWidth="1"/>
    <col min="9745" max="9745" width="25" style="147" customWidth="1"/>
    <col min="9746" max="9746" width="13.625" style="147" customWidth="1"/>
    <col min="9747" max="9760" width="4.875" style="147" customWidth="1"/>
    <col min="9761" max="9761" width="13.375" style="147" bestFit="1" customWidth="1"/>
    <col min="9762" max="9995" width="9" style="147"/>
    <col min="9996" max="9996" width="4.25" style="147" customWidth="1"/>
    <col min="9997" max="9997" width="25" style="147" customWidth="1"/>
    <col min="9998" max="9998" width="41.625" style="147" customWidth="1"/>
    <col min="9999" max="9999" width="19.625" style="147" customWidth="1"/>
    <col min="10000" max="10000" width="33.875" style="147" customWidth="1"/>
    <col min="10001" max="10001" width="25" style="147" customWidth="1"/>
    <col min="10002" max="10002" width="13.625" style="147" customWidth="1"/>
    <col min="10003" max="10016" width="4.875" style="147" customWidth="1"/>
    <col min="10017" max="10017" width="13.375" style="147" bestFit="1" customWidth="1"/>
    <col min="10018" max="10251" width="9" style="147"/>
    <col min="10252" max="10252" width="4.25" style="147" customWidth="1"/>
    <col min="10253" max="10253" width="25" style="147" customWidth="1"/>
    <col min="10254" max="10254" width="41.625" style="147" customWidth="1"/>
    <col min="10255" max="10255" width="19.625" style="147" customWidth="1"/>
    <col min="10256" max="10256" width="33.875" style="147" customWidth="1"/>
    <col min="10257" max="10257" width="25" style="147" customWidth="1"/>
    <col min="10258" max="10258" width="13.625" style="147" customWidth="1"/>
    <col min="10259" max="10272" width="4.875" style="147" customWidth="1"/>
    <col min="10273" max="10273" width="13.375" style="147" bestFit="1" customWidth="1"/>
    <col min="10274" max="10507" width="9" style="147"/>
    <col min="10508" max="10508" width="4.25" style="147" customWidth="1"/>
    <col min="10509" max="10509" width="25" style="147" customWidth="1"/>
    <col min="10510" max="10510" width="41.625" style="147" customWidth="1"/>
    <col min="10511" max="10511" width="19.625" style="147" customWidth="1"/>
    <col min="10512" max="10512" width="33.875" style="147" customWidth="1"/>
    <col min="10513" max="10513" width="25" style="147" customWidth="1"/>
    <col min="10514" max="10514" width="13.625" style="147" customWidth="1"/>
    <col min="10515" max="10528" width="4.875" style="147" customWidth="1"/>
    <col min="10529" max="10529" width="13.375" style="147" bestFit="1" customWidth="1"/>
    <col min="10530" max="10763" width="9" style="147"/>
    <col min="10764" max="10764" width="4.25" style="147" customWidth="1"/>
    <col min="10765" max="10765" width="25" style="147" customWidth="1"/>
    <col min="10766" max="10766" width="41.625" style="147" customWidth="1"/>
    <col min="10767" max="10767" width="19.625" style="147" customWidth="1"/>
    <col min="10768" max="10768" width="33.875" style="147" customWidth="1"/>
    <col min="10769" max="10769" width="25" style="147" customWidth="1"/>
    <col min="10770" max="10770" width="13.625" style="147" customWidth="1"/>
    <col min="10771" max="10784" width="4.875" style="147" customWidth="1"/>
    <col min="10785" max="10785" width="13.375" style="147" bestFit="1" customWidth="1"/>
    <col min="10786" max="11019" width="9" style="147"/>
    <col min="11020" max="11020" width="4.25" style="147" customWidth="1"/>
    <col min="11021" max="11021" width="25" style="147" customWidth="1"/>
    <col min="11022" max="11022" width="41.625" style="147" customWidth="1"/>
    <col min="11023" max="11023" width="19.625" style="147" customWidth="1"/>
    <col min="11024" max="11024" width="33.875" style="147" customWidth="1"/>
    <col min="11025" max="11025" width="25" style="147" customWidth="1"/>
    <col min="11026" max="11026" width="13.625" style="147" customWidth="1"/>
    <col min="11027" max="11040" width="4.875" style="147" customWidth="1"/>
    <col min="11041" max="11041" width="13.375" style="147" bestFit="1" customWidth="1"/>
    <col min="11042" max="11275" width="9" style="147"/>
    <col min="11276" max="11276" width="4.25" style="147" customWidth="1"/>
    <col min="11277" max="11277" width="25" style="147" customWidth="1"/>
    <col min="11278" max="11278" width="41.625" style="147" customWidth="1"/>
    <col min="11279" max="11279" width="19.625" style="147" customWidth="1"/>
    <col min="11280" max="11280" width="33.875" style="147" customWidth="1"/>
    <col min="11281" max="11281" width="25" style="147" customWidth="1"/>
    <col min="11282" max="11282" width="13.625" style="147" customWidth="1"/>
    <col min="11283" max="11296" width="4.875" style="147" customWidth="1"/>
    <col min="11297" max="11297" width="13.375" style="147" bestFit="1" customWidth="1"/>
    <col min="11298" max="11531" width="9" style="147"/>
    <col min="11532" max="11532" width="4.25" style="147" customWidth="1"/>
    <col min="11533" max="11533" width="25" style="147" customWidth="1"/>
    <col min="11534" max="11534" width="41.625" style="147" customWidth="1"/>
    <col min="11535" max="11535" width="19.625" style="147" customWidth="1"/>
    <col min="11536" max="11536" width="33.875" style="147" customWidth="1"/>
    <col min="11537" max="11537" width="25" style="147" customWidth="1"/>
    <col min="11538" max="11538" width="13.625" style="147" customWidth="1"/>
    <col min="11539" max="11552" width="4.875" style="147" customWidth="1"/>
    <col min="11553" max="11553" width="13.375" style="147" bestFit="1" customWidth="1"/>
    <col min="11554" max="11787" width="9" style="147"/>
    <col min="11788" max="11788" width="4.25" style="147" customWidth="1"/>
    <col min="11789" max="11789" width="25" style="147" customWidth="1"/>
    <col min="11790" max="11790" width="41.625" style="147" customWidth="1"/>
    <col min="11791" max="11791" width="19.625" style="147" customWidth="1"/>
    <col min="11792" max="11792" width="33.875" style="147" customWidth="1"/>
    <col min="11793" max="11793" width="25" style="147" customWidth="1"/>
    <col min="11794" max="11794" width="13.625" style="147" customWidth="1"/>
    <col min="11795" max="11808" width="4.875" style="147" customWidth="1"/>
    <col min="11809" max="11809" width="13.375" style="147" bestFit="1" customWidth="1"/>
    <col min="11810" max="12043" width="9" style="147"/>
    <col min="12044" max="12044" width="4.25" style="147" customWidth="1"/>
    <col min="12045" max="12045" width="25" style="147" customWidth="1"/>
    <col min="12046" max="12046" width="41.625" style="147" customWidth="1"/>
    <col min="12047" max="12047" width="19.625" style="147" customWidth="1"/>
    <col min="12048" max="12048" width="33.875" style="147" customWidth="1"/>
    <col min="12049" max="12049" width="25" style="147" customWidth="1"/>
    <col min="12050" max="12050" width="13.625" style="147" customWidth="1"/>
    <col min="12051" max="12064" width="4.875" style="147" customWidth="1"/>
    <col min="12065" max="12065" width="13.375" style="147" bestFit="1" customWidth="1"/>
    <col min="12066" max="12299" width="9" style="147"/>
    <col min="12300" max="12300" width="4.25" style="147" customWidth="1"/>
    <col min="12301" max="12301" width="25" style="147" customWidth="1"/>
    <col min="12302" max="12302" width="41.625" style="147" customWidth="1"/>
    <col min="12303" max="12303" width="19.625" style="147" customWidth="1"/>
    <col min="12304" max="12304" width="33.875" style="147" customWidth="1"/>
    <col min="12305" max="12305" width="25" style="147" customWidth="1"/>
    <col min="12306" max="12306" width="13.625" style="147" customWidth="1"/>
    <col min="12307" max="12320" width="4.875" style="147" customWidth="1"/>
    <col min="12321" max="12321" width="13.375" style="147" bestFit="1" customWidth="1"/>
    <col min="12322" max="12555" width="9" style="147"/>
    <col min="12556" max="12556" width="4.25" style="147" customWidth="1"/>
    <col min="12557" max="12557" width="25" style="147" customWidth="1"/>
    <col min="12558" max="12558" width="41.625" style="147" customWidth="1"/>
    <col min="12559" max="12559" width="19.625" style="147" customWidth="1"/>
    <col min="12560" max="12560" width="33.875" style="147" customWidth="1"/>
    <col min="12561" max="12561" width="25" style="147" customWidth="1"/>
    <col min="12562" max="12562" width="13.625" style="147" customWidth="1"/>
    <col min="12563" max="12576" width="4.875" style="147" customWidth="1"/>
    <col min="12577" max="12577" width="13.375" style="147" bestFit="1" customWidth="1"/>
    <col min="12578" max="12811" width="9" style="147"/>
    <col min="12812" max="12812" width="4.25" style="147" customWidth="1"/>
    <col min="12813" max="12813" width="25" style="147" customWidth="1"/>
    <col min="12814" max="12814" width="41.625" style="147" customWidth="1"/>
    <col min="12815" max="12815" width="19.625" style="147" customWidth="1"/>
    <col min="12816" max="12816" width="33.875" style="147" customWidth="1"/>
    <col min="12817" max="12817" width="25" style="147" customWidth="1"/>
    <col min="12818" max="12818" width="13.625" style="147" customWidth="1"/>
    <col min="12819" max="12832" width="4.875" style="147" customWidth="1"/>
    <col min="12833" max="12833" width="13.375" style="147" bestFit="1" customWidth="1"/>
    <col min="12834" max="13067" width="9" style="147"/>
    <col min="13068" max="13068" width="4.25" style="147" customWidth="1"/>
    <col min="13069" max="13069" width="25" style="147" customWidth="1"/>
    <col min="13070" max="13070" width="41.625" style="147" customWidth="1"/>
    <col min="13071" max="13071" width="19.625" style="147" customWidth="1"/>
    <col min="13072" max="13072" width="33.875" style="147" customWidth="1"/>
    <col min="13073" max="13073" width="25" style="147" customWidth="1"/>
    <col min="13074" max="13074" width="13.625" style="147" customWidth="1"/>
    <col min="13075" max="13088" width="4.875" style="147" customWidth="1"/>
    <col min="13089" max="13089" width="13.375" style="147" bestFit="1" customWidth="1"/>
    <col min="13090" max="13323" width="9" style="147"/>
    <col min="13324" max="13324" width="4.25" style="147" customWidth="1"/>
    <col min="13325" max="13325" width="25" style="147" customWidth="1"/>
    <col min="13326" max="13326" width="41.625" style="147" customWidth="1"/>
    <col min="13327" max="13327" width="19.625" style="147" customWidth="1"/>
    <col min="13328" max="13328" width="33.875" style="147" customWidth="1"/>
    <col min="13329" max="13329" width="25" style="147" customWidth="1"/>
    <col min="13330" max="13330" width="13.625" style="147" customWidth="1"/>
    <col min="13331" max="13344" width="4.875" style="147" customWidth="1"/>
    <col min="13345" max="13345" width="13.375" style="147" bestFit="1" customWidth="1"/>
    <col min="13346" max="13579" width="9" style="147"/>
    <col min="13580" max="13580" width="4.25" style="147" customWidth="1"/>
    <col min="13581" max="13581" width="25" style="147" customWidth="1"/>
    <col min="13582" max="13582" width="41.625" style="147" customWidth="1"/>
    <col min="13583" max="13583" width="19.625" style="147" customWidth="1"/>
    <col min="13584" max="13584" width="33.875" style="147" customWidth="1"/>
    <col min="13585" max="13585" width="25" style="147" customWidth="1"/>
    <col min="13586" max="13586" width="13.625" style="147" customWidth="1"/>
    <col min="13587" max="13600" width="4.875" style="147" customWidth="1"/>
    <col min="13601" max="13601" width="13.375" style="147" bestFit="1" customWidth="1"/>
    <col min="13602" max="13835" width="9" style="147"/>
    <col min="13836" max="13836" width="4.25" style="147" customWidth="1"/>
    <col min="13837" max="13837" width="25" style="147" customWidth="1"/>
    <col min="13838" max="13838" width="41.625" style="147" customWidth="1"/>
    <col min="13839" max="13839" width="19.625" style="147" customWidth="1"/>
    <col min="13840" max="13840" width="33.875" style="147" customWidth="1"/>
    <col min="13841" max="13841" width="25" style="147" customWidth="1"/>
    <col min="13842" max="13842" width="13.625" style="147" customWidth="1"/>
    <col min="13843" max="13856" width="4.875" style="147" customWidth="1"/>
    <col min="13857" max="13857" width="13.375" style="147" bestFit="1" customWidth="1"/>
    <col min="13858" max="14091" width="9" style="147"/>
    <col min="14092" max="14092" width="4.25" style="147" customWidth="1"/>
    <col min="14093" max="14093" width="25" style="147" customWidth="1"/>
    <col min="14094" max="14094" width="41.625" style="147" customWidth="1"/>
    <col min="14095" max="14095" width="19.625" style="147" customWidth="1"/>
    <col min="14096" max="14096" width="33.875" style="147" customWidth="1"/>
    <col min="14097" max="14097" width="25" style="147" customWidth="1"/>
    <col min="14098" max="14098" width="13.625" style="147" customWidth="1"/>
    <col min="14099" max="14112" width="4.875" style="147" customWidth="1"/>
    <col min="14113" max="14113" width="13.375" style="147" bestFit="1" customWidth="1"/>
    <col min="14114" max="14347" width="9" style="147"/>
    <col min="14348" max="14348" width="4.25" style="147" customWidth="1"/>
    <col min="14349" max="14349" width="25" style="147" customWidth="1"/>
    <col min="14350" max="14350" width="41.625" style="147" customWidth="1"/>
    <col min="14351" max="14351" width="19.625" style="147" customWidth="1"/>
    <col min="14352" max="14352" width="33.875" style="147" customWidth="1"/>
    <col min="14353" max="14353" width="25" style="147" customWidth="1"/>
    <col min="14354" max="14354" width="13.625" style="147" customWidth="1"/>
    <col min="14355" max="14368" width="4.875" style="147" customWidth="1"/>
    <col min="14369" max="14369" width="13.375" style="147" bestFit="1" customWidth="1"/>
    <col min="14370" max="14603" width="9" style="147"/>
    <col min="14604" max="14604" width="4.25" style="147" customWidth="1"/>
    <col min="14605" max="14605" width="25" style="147" customWidth="1"/>
    <col min="14606" max="14606" width="41.625" style="147" customWidth="1"/>
    <col min="14607" max="14607" width="19.625" style="147" customWidth="1"/>
    <col min="14608" max="14608" width="33.875" style="147" customWidth="1"/>
    <col min="14609" max="14609" width="25" style="147" customWidth="1"/>
    <col min="14610" max="14610" width="13.625" style="147" customWidth="1"/>
    <col min="14611" max="14624" width="4.875" style="147" customWidth="1"/>
    <col min="14625" max="14625" width="13.375" style="147" bestFit="1" customWidth="1"/>
    <col min="14626" max="14859" width="9" style="147"/>
    <col min="14860" max="14860" width="4.25" style="147" customWidth="1"/>
    <col min="14861" max="14861" width="25" style="147" customWidth="1"/>
    <col min="14862" max="14862" width="41.625" style="147" customWidth="1"/>
    <col min="14863" max="14863" width="19.625" style="147" customWidth="1"/>
    <col min="14864" max="14864" width="33.875" style="147" customWidth="1"/>
    <col min="14865" max="14865" width="25" style="147" customWidth="1"/>
    <col min="14866" max="14866" width="13.625" style="147" customWidth="1"/>
    <col min="14867" max="14880" width="4.875" style="147" customWidth="1"/>
    <col min="14881" max="14881" width="13.375" style="147" bestFit="1" customWidth="1"/>
    <col min="14882" max="15115" width="9" style="147"/>
    <col min="15116" max="15116" width="4.25" style="147" customWidth="1"/>
    <col min="15117" max="15117" width="25" style="147" customWidth="1"/>
    <col min="15118" max="15118" width="41.625" style="147" customWidth="1"/>
    <col min="15119" max="15119" width="19.625" style="147" customWidth="1"/>
    <col min="15120" max="15120" width="33.875" style="147" customWidth="1"/>
    <col min="15121" max="15121" width="25" style="147" customWidth="1"/>
    <col min="15122" max="15122" width="13.625" style="147" customWidth="1"/>
    <col min="15123" max="15136" width="4.875" style="147" customWidth="1"/>
    <col min="15137" max="15137" width="13.375" style="147" bestFit="1" customWidth="1"/>
    <col min="15138" max="15371" width="9" style="147"/>
    <col min="15372" max="15372" width="4.25" style="147" customWidth="1"/>
    <col min="15373" max="15373" width="25" style="147" customWidth="1"/>
    <col min="15374" max="15374" width="41.625" style="147" customWidth="1"/>
    <col min="15375" max="15375" width="19.625" style="147" customWidth="1"/>
    <col min="15376" max="15376" width="33.875" style="147" customWidth="1"/>
    <col min="15377" max="15377" width="25" style="147" customWidth="1"/>
    <col min="15378" max="15378" width="13.625" style="147" customWidth="1"/>
    <col min="15379" max="15392" width="4.875" style="147" customWidth="1"/>
    <col min="15393" max="15393" width="13.375" style="147" bestFit="1" customWidth="1"/>
    <col min="15394" max="15627" width="9" style="147"/>
    <col min="15628" max="15628" width="4.25" style="147" customWidth="1"/>
    <col min="15629" max="15629" width="25" style="147" customWidth="1"/>
    <col min="15630" max="15630" width="41.625" style="147" customWidth="1"/>
    <col min="15631" max="15631" width="19.625" style="147" customWidth="1"/>
    <col min="15632" max="15632" width="33.875" style="147" customWidth="1"/>
    <col min="15633" max="15633" width="25" style="147" customWidth="1"/>
    <col min="15634" max="15634" width="13.625" style="147" customWidth="1"/>
    <col min="15635" max="15648" width="4.875" style="147" customWidth="1"/>
    <col min="15649" max="15649" width="13.375" style="147" bestFit="1" customWidth="1"/>
    <col min="15650" max="15883" width="9" style="147"/>
    <col min="15884" max="15884" width="4.25" style="147" customWidth="1"/>
    <col min="15885" max="15885" width="25" style="147" customWidth="1"/>
    <col min="15886" max="15886" width="41.625" style="147" customWidth="1"/>
    <col min="15887" max="15887" width="19.625" style="147" customWidth="1"/>
    <col min="15888" max="15888" width="33.875" style="147" customWidth="1"/>
    <col min="15889" max="15889" width="25" style="147" customWidth="1"/>
    <col min="15890" max="15890" width="13.625" style="147" customWidth="1"/>
    <col min="15891" max="15904" width="4.875" style="147" customWidth="1"/>
    <col min="15905" max="15905" width="13.375" style="147" bestFit="1" customWidth="1"/>
    <col min="15906" max="16139" width="9" style="147"/>
    <col min="16140" max="16140" width="4.25" style="147" customWidth="1"/>
    <col min="16141" max="16141" width="25" style="147" customWidth="1"/>
    <col min="16142" max="16142" width="41.625" style="147" customWidth="1"/>
    <col min="16143" max="16143" width="19.625" style="147" customWidth="1"/>
    <col min="16144" max="16144" width="33.875" style="147" customWidth="1"/>
    <col min="16145" max="16145" width="25" style="147" customWidth="1"/>
    <col min="16146" max="16146" width="13.625" style="147" customWidth="1"/>
    <col min="16147" max="16160" width="4.875" style="147" customWidth="1"/>
    <col min="16161" max="16161" width="13.375" style="147" bestFit="1" customWidth="1"/>
    <col min="16162" max="16384" width="9" style="147"/>
  </cols>
  <sheetData>
    <row r="2" spans="1:33" ht="20.25" customHeight="1" x14ac:dyDescent="0.15">
      <c r="A2" s="87" t="s">
        <v>210</v>
      </c>
      <c r="B2" s="87"/>
      <c r="C2" s="148"/>
      <c r="D2" s="171"/>
      <c r="E2" s="148"/>
      <c r="F2" s="171"/>
      <c r="G2" s="148"/>
      <c r="H2" s="148"/>
      <c r="I2" s="148"/>
      <c r="J2" s="148"/>
      <c r="K2" s="171"/>
      <c r="L2" s="171"/>
      <c r="M2" s="171"/>
      <c r="N2" s="171"/>
      <c r="O2" s="171"/>
      <c r="P2" s="171"/>
      <c r="Q2" s="171"/>
      <c r="R2" s="171"/>
      <c r="S2" s="148"/>
      <c r="T2" s="148"/>
      <c r="U2" s="148"/>
      <c r="V2" s="148"/>
      <c r="W2" s="148"/>
      <c r="X2" s="148"/>
      <c r="Y2" s="148"/>
      <c r="Z2" s="148"/>
      <c r="AA2" s="148"/>
      <c r="AB2" s="148"/>
      <c r="AC2" s="148"/>
      <c r="AD2" s="148"/>
      <c r="AE2" s="148"/>
      <c r="AF2" s="148"/>
    </row>
    <row r="3" spans="1:33" ht="20.25" customHeight="1" x14ac:dyDescent="0.15">
      <c r="A3" s="383" t="s">
        <v>213</v>
      </c>
      <c r="B3" s="383"/>
      <c r="C3" s="383"/>
      <c r="D3" s="383"/>
      <c r="E3" s="383"/>
      <c r="F3" s="383"/>
      <c r="G3" s="383"/>
      <c r="H3" s="383"/>
      <c r="I3" s="383"/>
      <c r="J3" s="383"/>
      <c r="K3" s="383"/>
      <c r="L3" s="383"/>
      <c r="M3" s="383"/>
      <c r="N3" s="383"/>
      <c r="O3" s="383"/>
      <c r="P3" s="383"/>
      <c r="Q3" s="383"/>
      <c r="R3" s="383"/>
      <c r="S3" s="383"/>
      <c r="T3" s="383"/>
      <c r="U3" s="383"/>
      <c r="V3" s="383"/>
      <c r="W3" s="383"/>
      <c r="X3" s="383"/>
      <c r="Y3" s="383"/>
      <c r="Z3" s="383"/>
      <c r="AA3" s="383"/>
      <c r="AB3" s="383"/>
      <c r="AC3" s="383"/>
      <c r="AD3" s="383"/>
      <c r="AE3" s="383"/>
      <c r="AF3" s="383"/>
    </row>
    <row r="4" spans="1:33" ht="20.25" customHeight="1" x14ac:dyDescent="0.15">
      <c r="A4" s="142"/>
      <c r="B4" s="142"/>
      <c r="C4" s="148"/>
      <c r="D4" s="171"/>
      <c r="E4" s="148"/>
      <c r="F4" s="171"/>
      <c r="G4" s="148"/>
      <c r="H4" s="148"/>
      <c r="I4" s="148"/>
      <c r="J4" s="148"/>
      <c r="K4" s="171"/>
      <c r="L4" s="171"/>
      <c r="M4" s="171"/>
      <c r="N4" s="171"/>
      <c r="O4" s="171"/>
      <c r="P4" s="171"/>
      <c r="Q4" s="171"/>
      <c r="R4" s="171"/>
      <c r="S4" s="148"/>
      <c r="T4" s="148"/>
      <c r="U4" s="148"/>
      <c r="V4" s="148"/>
      <c r="W4" s="148"/>
      <c r="X4" s="148"/>
      <c r="Y4" s="148"/>
      <c r="Z4" s="148"/>
      <c r="AA4" s="148"/>
      <c r="AB4" s="148"/>
      <c r="AC4" s="148"/>
      <c r="AD4" s="148"/>
      <c r="AE4" s="148"/>
      <c r="AF4" s="148"/>
    </row>
    <row r="5" spans="1:33" ht="30" customHeight="1" x14ac:dyDescent="0.15">
      <c r="A5" s="142"/>
      <c r="B5" s="142"/>
      <c r="C5" s="148"/>
      <c r="D5" s="171"/>
      <c r="E5" s="148"/>
      <c r="F5" s="171"/>
      <c r="G5" s="148"/>
      <c r="H5" s="148"/>
      <c r="I5" s="148"/>
      <c r="S5" s="384" t="s">
        <v>100</v>
      </c>
      <c r="T5" s="385"/>
      <c r="U5" s="385"/>
      <c r="V5" s="386"/>
      <c r="W5" s="348">
        <v>3</v>
      </c>
      <c r="X5" s="349">
        <v>4</v>
      </c>
      <c r="Y5" s="349"/>
      <c r="Z5" s="349"/>
      <c r="AA5" s="349"/>
      <c r="AB5" s="349"/>
      <c r="AC5" s="349"/>
      <c r="AD5" s="349"/>
      <c r="AE5" s="349"/>
      <c r="AF5" s="350"/>
    </row>
    <row r="6" spans="1:33" ht="20.25" customHeight="1" x14ac:dyDescent="0.15">
      <c r="A6" s="142"/>
      <c r="B6" s="142"/>
      <c r="C6" s="148"/>
      <c r="D6" s="171"/>
      <c r="E6" s="148"/>
      <c r="F6" s="171"/>
      <c r="G6" s="148"/>
      <c r="H6" s="148"/>
      <c r="I6" s="148"/>
      <c r="J6" s="148"/>
      <c r="K6" s="171"/>
      <c r="L6" s="171"/>
      <c r="M6" s="171"/>
      <c r="N6" s="171"/>
      <c r="O6" s="171"/>
      <c r="P6" s="171"/>
      <c r="Q6" s="171"/>
      <c r="R6" s="171"/>
      <c r="S6" s="148"/>
      <c r="T6" s="148"/>
      <c r="U6" s="148"/>
      <c r="V6" s="148"/>
      <c r="W6" s="148"/>
      <c r="X6" s="148"/>
      <c r="Y6" s="148"/>
      <c r="Z6" s="148"/>
      <c r="AA6" s="148"/>
      <c r="AB6" s="148"/>
      <c r="AC6" s="148"/>
      <c r="AD6" s="148"/>
      <c r="AE6" s="148"/>
      <c r="AF6" s="148"/>
    </row>
    <row r="7" spans="1:33" ht="17.25" customHeight="1" x14ac:dyDescent="0.15">
      <c r="A7" s="384" t="s">
        <v>101</v>
      </c>
      <c r="B7" s="385"/>
      <c r="C7" s="386"/>
      <c r="D7" s="384" t="s">
        <v>1</v>
      </c>
      <c r="E7" s="386"/>
      <c r="F7" s="384" t="s">
        <v>102</v>
      </c>
      <c r="G7" s="386"/>
      <c r="H7" s="384" t="s">
        <v>103</v>
      </c>
      <c r="I7" s="385"/>
      <c r="J7" s="385"/>
      <c r="K7" s="385"/>
      <c r="L7" s="385"/>
      <c r="M7" s="385"/>
      <c r="N7" s="385"/>
      <c r="O7" s="385"/>
      <c r="P7" s="385"/>
      <c r="Q7" s="385"/>
      <c r="R7" s="385"/>
      <c r="S7" s="385"/>
      <c r="T7" s="385"/>
      <c r="U7" s="385"/>
      <c r="V7" s="385"/>
      <c r="W7" s="385"/>
      <c r="X7" s="386"/>
      <c r="Y7" s="384" t="s">
        <v>229</v>
      </c>
      <c r="Z7" s="385"/>
      <c r="AA7" s="385"/>
      <c r="AB7" s="386"/>
      <c r="AC7" s="384" t="s">
        <v>104</v>
      </c>
      <c r="AD7" s="385"/>
      <c r="AE7" s="385"/>
      <c r="AF7" s="386"/>
    </row>
    <row r="8" spans="1:33" ht="18.75" customHeight="1" x14ac:dyDescent="0.15">
      <c r="A8" s="394" t="s">
        <v>105</v>
      </c>
      <c r="B8" s="395"/>
      <c r="C8" s="396"/>
      <c r="D8" s="244"/>
      <c r="E8" s="155"/>
      <c r="F8" s="153"/>
      <c r="G8" s="155"/>
      <c r="H8" s="372" t="s">
        <v>106</v>
      </c>
      <c r="I8" s="214" t="s">
        <v>363</v>
      </c>
      <c r="J8" s="109" t="s">
        <v>241</v>
      </c>
      <c r="K8" s="159"/>
      <c r="L8" s="159"/>
      <c r="M8" s="214" t="s">
        <v>363</v>
      </c>
      <c r="N8" s="109" t="s">
        <v>242</v>
      </c>
      <c r="O8" s="159"/>
      <c r="P8" s="159"/>
      <c r="Q8" s="214" t="s">
        <v>363</v>
      </c>
      <c r="R8" s="109" t="s">
        <v>243</v>
      </c>
      <c r="S8" s="159"/>
      <c r="T8" s="159"/>
      <c r="U8" s="214" t="s">
        <v>363</v>
      </c>
      <c r="V8" s="109" t="s">
        <v>244</v>
      </c>
      <c r="W8" s="159"/>
      <c r="X8" s="175"/>
      <c r="Y8" s="388"/>
      <c r="Z8" s="389"/>
      <c r="AA8" s="389"/>
      <c r="AB8" s="390"/>
      <c r="AC8" s="388"/>
      <c r="AD8" s="389"/>
      <c r="AE8" s="389"/>
      <c r="AF8" s="390"/>
    </row>
    <row r="9" spans="1:33" s="161" customFormat="1" ht="18.75" customHeight="1" x14ac:dyDescent="0.15">
      <c r="A9" s="397"/>
      <c r="B9" s="398"/>
      <c r="C9" s="399"/>
      <c r="D9" s="246"/>
      <c r="E9" s="157"/>
      <c r="F9" s="156"/>
      <c r="G9" s="157"/>
      <c r="H9" s="387"/>
      <c r="I9" s="217" t="s">
        <v>363</v>
      </c>
      <c r="J9" s="91" t="s">
        <v>245</v>
      </c>
      <c r="K9" s="151"/>
      <c r="L9" s="151"/>
      <c r="M9" s="231" t="s">
        <v>363</v>
      </c>
      <c r="N9" s="91" t="s">
        <v>246</v>
      </c>
      <c r="O9" s="151"/>
      <c r="P9" s="151"/>
      <c r="Q9" s="231" t="s">
        <v>363</v>
      </c>
      <c r="R9" s="91" t="s">
        <v>247</v>
      </c>
      <c r="S9" s="151"/>
      <c r="T9" s="151"/>
      <c r="U9" s="231" t="s">
        <v>363</v>
      </c>
      <c r="V9" s="91" t="s">
        <v>248</v>
      </c>
      <c r="W9" s="151"/>
      <c r="X9" s="152"/>
      <c r="Y9" s="391"/>
      <c r="Z9" s="392"/>
      <c r="AA9" s="392"/>
      <c r="AB9" s="393"/>
      <c r="AC9" s="391"/>
      <c r="AD9" s="392"/>
      <c r="AE9" s="392"/>
      <c r="AF9" s="393"/>
    </row>
    <row r="10" spans="1:33" ht="18.75" customHeight="1" x14ac:dyDescent="0.15">
      <c r="A10" s="108"/>
      <c r="B10" s="245"/>
      <c r="C10" s="162"/>
      <c r="D10" s="153"/>
      <c r="E10" s="175"/>
      <c r="F10" s="256"/>
      <c r="G10" s="110"/>
      <c r="H10" s="144" t="s">
        <v>147</v>
      </c>
      <c r="I10" s="214" t="s">
        <v>363</v>
      </c>
      <c r="J10" s="188" t="s">
        <v>250</v>
      </c>
      <c r="K10" s="190"/>
      <c r="L10" s="214" t="s">
        <v>363</v>
      </c>
      <c r="M10" s="188" t="s">
        <v>263</v>
      </c>
      <c r="N10" s="188"/>
      <c r="O10" s="188"/>
      <c r="P10" s="188"/>
      <c r="Q10" s="188"/>
      <c r="R10" s="188"/>
      <c r="S10" s="188"/>
      <c r="T10" s="188"/>
      <c r="U10" s="188"/>
      <c r="V10" s="188"/>
      <c r="W10" s="188"/>
      <c r="X10" s="189"/>
      <c r="Y10" s="214" t="s">
        <v>363</v>
      </c>
      <c r="Z10" s="143" t="s">
        <v>249</v>
      </c>
      <c r="AA10" s="143"/>
      <c r="AB10" s="141"/>
      <c r="AC10" s="214" t="s">
        <v>363</v>
      </c>
      <c r="AD10" s="143" t="s">
        <v>249</v>
      </c>
      <c r="AE10" s="143"/>
      <c r="AF10" s="141"/>
      <c r="AG10" s="100"/>
    </row>
    <row r="11" spans="1:33" ht="18.75" customHeight="1" x14ac:dyDescent="0.15">
      <c r="A11" s="213"/>
      <c r="B11" s="205"/>
      <c r="C11" s="163"/>
      <c r="D11" s="170"/>
      <c r="E11" s="150"/>
      <c r="F11" s="258"/>
      <c r="G11" s="139"/>
      <c r="H11" s="359" t="s">
        <v>217</v>
      </c>
      <c r="I11" s="361" t="s">
        <v>363</v>
      </c>
      <c r="J11" s="363" t="s">
        <v>254</v>
      </c>
      <c r="K11" s="363"/>
      <c r="L11" s="363"/>
      <c r="M11" s="361" t="s">
        <v>363</v>
      </c>
      <c r="N11" s="363" t="s">
        <v>255</v>
      </c>
      <c r="O11" s="363"/>
      <c r="P11" s="363"/>
      <c r="Q11" s="192"/>
      <c r="R11" s="192"/>
      <c r="S11" s="192"/>
      <c r="T11" s="192"/>
      <c r="U11" s="192"/>
      <c r="V11" s="192"/>
      <c r="W11" s="192"/>
      <c r="X11" s="193"/>
      <c r="Y11" s="214" t="s">
        <v>363</v>
      </c>
      <c r="Z11" s="143" t="s">
        <v>253</v>
      </c>
      <c r="AA11" s="138"/>
      <c r="AB11" s="141"/>
      <c r="AC11" s="214" t="s">
        <v>363</v>
      </c>
      <c r="AD11" s="143" t="s">
        <v>253</v>
      </c>
      <c r="AE11" s="138"/>
      <c r="AF11" s="141"/>
      <c r="AG11" s="100"/>
    </row>
    <row r="12" spans="1:33" s="161" customFormat="1" ht="18.75" customHeight="1" x14ac:dyDescent="0.15">
      <c r="A12" s="213"/>
      <c r="B12" s="205"/>
      <c r="C12" s="163"/>
      <c r="D12" s="170"/>
      <c r="E12" s="150"/>
      <c r="F12" s="258"/>
      <c r="G12" s="139"/>
      <c r="H12" s="360"/>
      <c r="I12" s="362"/>
      <c r="J12" s="364"/>
      <c r="K12" s="364"/>
      <c r="L12" s="364"/>
      <c r="M12" s="362"/>
      <c r="N12" s="364"/>
      <c r="O12" s="364"/>
      <c r="P12" s="364"/>
      <c r="Q12" s="178"/>
      <c r="R12" s="178"/>
      <c r="S12" s="178"/>
      <c r="T12" s="178"/>
      <c r="U12" s="178"/>
      <c r="V12" s="178"/>
      <c r="W12" s="178"/>
      <c r="X12" s="179"/>
      <c r="Y12" s="140"/>
      <c r="Z12" s="138"/>
      <c r="AA12" s="138"/>
      <c r="AB12" s="141"/>
      <c r="AC12" s="140"/>
      <c r="AD12" s="138"/>
      <c r="AE12" s="138"/>
      <c r="AF12" s="141"/>
      <c r="AG12" s="100"/>
    </row>
    <row r="13" spans="1:33" ht="18.75" customHeight="1" x14ac:dyDescent="0.15">
      <c r="A13" s="213"/>
      <c r="B13" s="205"/>
      <c r="C13" s="163"/>
      <c r="D13" s="170"/>
      <c r="E13" s="150"/>
      <c r="F13" s="258"/>
      <c r="G13" s="139"/>
      <c r="H13" s="359" t="s">
        <v>218</v>
      </c>
      <c r="I13" s="361" t="s">
        <v>363</v>
      </c>
      <c r="J13" s="363" t="s">
        <v>254</v>
      </c>
      <c r="K13" s="363"/>
      <c r="L13" s="363"/>
      <c r="M13" s="361" t="s">
        <v>363</v>
      </c>
      <c r="N13" s="363" t="s">
        <v>255</v>
      </c>
      <c r="O13" s="363"/>
      <c r="P13" s="363"/>
      <c r="Q13" s="192"/>
      <c r="R13" s="192"/>
      <c r="S13" s="192"/>
      <c r="T13" s="192"/>
      <c r="U13" s="192"/>
      <c r="V13" s="192"/>
      <c r="W13" s="192"/>
      <c r="X13" s="193"/>
      <c r="Y13" s="140"/>
      <c r="Z13" s="138"/>
      <c r="AA13" s="138"/>
      <c r="AB13" s="141"/>
      <c r="AC13" s="140"/>
      <c r="AD13" s="138"/>
      <c r="AE13" s="138"/>
      <c r="AF13" s="141"/>
    </row>
    <row r="14" spans="1:33" s="161" customFormat="1" ht="18.75" customHeight="1" x14ac:dyDescent="0.15">
      <c r="A14" s="230" t="s">
        <v>363</v>
      </c>
      <c r="B14" s="205">
        <v>62</v>
      </c>
      <c r="C14" s="163" t="s">
        <v>81</v>
      </c>
      <c r="D14" s="170"/>
      <c r="E14" s="150"/>
      <c r="F14" s="258"/>
      <c r="G14" s="139"/>
      <c r="H14" s="360"/>
      <c r="I14" s="362"/>
      <c r="J14" s="364"/>
      <c r="K14" s="364"/>
      <c r="L14" s="364"/>
      <c r="M14" s="362"/>
      <c r="N14" s="364"/>
      <c r="O14" s="364"/>
      <c r="P14" s="364"/>
      <c r="Q14" s="178"/>
      <c r="R14" s="178"/>
      <c r="S14" s="178"/>
      <c r="T14" s="178"/>
      <c r="U14" s="178"/>
      <c r="V14" s="178"/>
      <c r="W14" s="178"/>
      <c r="X14" s="179"/>
      <c r="Y14" s="140"/>
      <c r="Z14" s="138"/>
      <c r="AA14" s="138"/>
      <c r="AB14" s="141"/>
      <c r="AC14" s="140"/>
      <c r="AD14" s="138"/>
      <c r="AE14" s="138"/>
      <c r="AF14" s="141"/>
    </row>
    <row r="15" spans="1:33" ht="18.75" customHeight="1" x14ac:dyDescent="0.15">
      <c r="A15" s="213"/>
      <c r="B15" s="205"/>
      <c r="C15" s="163"/>
      <c r="D15" s="170"/>
      <c r="E15" s="150"/>
      <c r="F15" s="258"/>
      <c r="G15" s="139"/>
      <c r="H15" s="208" t="s">
        <v>129</v>
      </c>
      <c r="I15" s="222" t="s">
        <v>363</v>
      </c>
      <c r="J15" s="184" t="s">
        <v>250</v>
      </c>
      <c r="K15" s="184"/>
      <c r="L15" s="221" t="s">
        <v>363</v>
      </c>
      <c r="M15" s="184" t="s">
        <v>251</v>
      </c>
      <c r="N15" s="184"/>
      <c r="O15" s="221" t="s">
        <v>363</v>
      </c>
      <c r="P15" s="184" t="s">
        <v>252</v>
      </c>
      <c r="Q15" s="166"/>
      <c r="R15" s="182"/>
      <c r="S15" s="182"/>
      <c r="T15" s="182"/>
      <c r="U15" s="182"/>
      <c r="V15" s="182"/>
      <c r="W15" s="182"/>
      <c r="X15" s="183"/>
      <c r="Y15" s="140"/>
      <c r="Z15" s="138"/>
      <c r="AA15" s="138"/>
      <c r="AB15" s="141"/>
      <c r="AC15" s="140"/>
      <c r="AD15" s="138"/>
      <c r="AE15" s="138"/>
      <c r="AF15" s="141"/>
    </row>
    <row r="16" spans="1:33" ht="18.75" customHeight="1" x14ac:dyDescent="0.15">
      <c r="A16" s="213"/>
      <c r="B16" s="205"/>
      <c r="C16" s="163"/>
      <c r="D16" s="170"/>
      <c r="E16" s="150"/>
      <c r="F16" s="258"/>
      <c r="G16" s="139"/>
      <c r="H16" s="252" t="s">
        <v>131</v>
      </c>
      <c r="I16" s="220" t="s">
        <v>363</v>
      </c>
      <c r="J16" s="184" t="s">
        <v>250</v>
      </c>
      <c r="K16" s="188"/>
      <c r="L16" s="221" t="s">
        <v>363</v>
      </c>
      <c r="M16" s="184" t="s">
        <v>259</v>
      </c>
      <c r="N16" s="184"/>
      <c r="O16" s="221" t="s">
        <v>363</v>
      </c>
      <c r="P16" s="184" t="s">
        <v>252</v>
      </c>
      <c r="Q16" s="184"/>
      <c r="R16" s="221" t="s">
        <v>363</v>
      </c>
      <c r="S16" s="188" t="s">
        <v>260</v>
      </c>
      <c r="T16" s="188"/>
      <c r="U16" s="184"/>
      <c r="V16" s="184"/>
      <c r="W16" s="184"/>
      <c r="X16" s="185"/>
      <c r="Y16" s="140"/>
      <c r="Z16" s="138"/>
      <c r="AA16" s="138"/>
      <c r="AB16" s="141"/>
      <c r="AC16" s="140"/>
      <c r="AD16" s="138"/>
      <c r="AE16" s="138"/>
      <c r="AF16" s="141"/>
    </row>
    <row r="17" spans="1:33" ht="18.75" customHeight="1" x14ac:dyDescent="0.15">
      <c r="A17" s="213"/>
      <c r="B17" s="205"/>
      <c r="C17" s="163"/>
      <c r="D17" s="170"/>
      <c r="E17" s="150"/>
      <c r="F17" s="258"/>
      <c r="G17" s="139"/>
      <c r="H17" s="206" t="s">
        <v>135</v>
      </c>
      <c r="I17" s="220" t="s">
        <v>363</v>
      </c>
      <c r="J17" s="184" t="s">
        <v>250</v>
      </c>
      <c r="K17" s="184"/>
      <c r="L17" s="221" t="s">
        <v>363</v>
      </c>
      <c r="M17" s="184" t="s">
        <v>256</v>
      </c>
      <c r="N17" s="184"/>
      <c r="O17" s="221" t="s">
        <v>363</v>
      </c>
      <c r="P17" s="184" t="s">
        <v>257</v>
      </c>
      <c r="Q17" s="184"/>
      <c r="R17" s="221" t="s">
        <v>363</v>
      </c>
      <c r="S17" s="184" t="s">
        <v>258</v>
      </c>
      <c r="T17" s="184"/>
      <c r="U17" s="182"/>
      <c r="V17" s="182"/>
      <c r="W17" s="182"/>
      <c r="X17" s="183"/>
      <c r="Y17" s="140"/>
      <c r="Z17" s="138"/>
      <c r="AA17" s="138"/>
      <c r="AB17" s="141"/>
      <c r="AC17" s="140"/>
      <c r="AD17" s="138"/>
      <c r="AE17" s="138"/>
      <c r="AF17" s="141"/>
    </row>
    <row r="18" spans="1:33" s="307" customFormat="1" ht="18.75" customHeight="1" x14ac:dyDescent="0.15">
      <c r="A18" s="213"/>
      <c r="B18" s="205"/>
      <c r="C18" s="163"/>
      <c r="D18" s="170"/>
      <c r="E18" s="150"/>
      <c r="F18" s="308"/>
      <c r="G18" s="139"/>
      <c r="H18" s="305" t="s">
        <v>467</v>
      </c>
      <c r="I18" s="302" t="s">
        <v>363</v>
      </c>
      <c r="J18" s="186" t="s">
        <v>464</v>
      </c>
      <c r="K18" s="186"/>
      <c r="L18" s="304" t="s">
        <v>363</v>
      </c>
      <c r="M18" s="186" t="s">
        <v>465</v>
      </c>
      <c r="N18" s="186"/>
      <c r="O18" s="304" t="s">
        <v>363</v>
      </c>
      <c r="P18" s="186" t="s">
        <v>466</v>
      </c>
      <c r="Q18" s="186"/>
      <c r="R18" s="304"/>
      <c r="S18" s="186"/>
      <c r="T18" s="186"/>
      <c r="U18" s="192"/>
      <c r="V18" s="192"/>
      <c r="W18" s="192"/>
      <c r="X18" s="193"/>
      <c r="Y18" s="140"/>
      <c r="Z18" s="138"/>
      <c r="AA18" s="138"/>
      <c r="AB18" s="141"/>
      <c r="AC18" s="140"/>
      <c r="AD18" s="138"/>
      <c r="AE18" s="138"/>
      <c r="AF18" s="141"/>
    </row>
    <row r="19" spans="1:33" ht="18.75" customHeight="1" x14ac:dyDescent="0.15">
      <c r="A19" s="215"/>
      <c r="B19" s="247"/>
      <c r="C19" s="164"/>
      <c r="D19" s="156"/>
      <c r="E19" s="152"/>
      <c r="F19" s="254"/>
      <c r="G19" s="198"/>
      <c r="H19" s="316" t="s">
        <v>468</v>
      </c>
      <c r="I19" s="309" t="s">
        <v>363</v>
      </c>
      <c r="J19" s="310" t="s">
        <v>250</v>
      </c>
      <c r="K19" s="310"/>
      <c r="L19" s="311" t="s">
        <v>363</v>
      </c>
      <c r="M19" s="310" t="s">
        <v>263</v>
      </c>
      <c r="N19" s="310"/>
      <c r="O19" s="310"/>
      <c r="P19" s="310"/>
      <c r="Q19" s="314"/>
      <c r="R19" s="310"/>
      <c r="S19" s="310"/>
      <c r="T19" s="310"/>
      <c r="U19" s="310"/>
      <c r="V19" s="310"/>
      <c r="W19" s="310"/>
      <c r="X19" s="315"/>
      <c r="Y19" s="195"/>
      <c r="Z19" s="196"/>
      <c r="AA19" s="196"/>
      <c r="AB19" s="197"/>
      <c r="AC19" s="195"/>
      <c r="AD19" s="196"/>
      <c r="AE19" s="196"/>
      <c r="AF19" s="197"/>
    </row>
    <row r="20" spans="1:33" ht="18.75" customHeight="1" x14ac:dyDescent="0.15">
      <c r="A20" s="108"/>
      <c r="B20" s="245"/>
      <c r="C20" s="162"/>
      <c r="D20" s="153"/>
      <c r="E20" s="175"/>
      <c r="F20" s="256"/>
      <c r="G20" s="110"/>
      <c r="H20" s="144" t="s">
        <v>147</v>
      </c>
      <c r="I20" s="214" t="s">
        <v>363</v>
      </c>
      <c r="J20" s="188" t="s">
        <v>250</v>
      </c>
      <c r="K20" s="190"/>
      <c r="L20" s="214" t="s">
        <v>363</v>
      </c>
      <c r="M20" s="188" t="s">
        <v>263</v>
      </c>
      <c r="N20" s="188"/>
      <c r="O20" s="188"/>
      <c r="P20" s="188"/>
      <c r="Q20" s="178"/>
      <c r="R20" s="178"/>
      <c r="S20" s="178"/>
      <c r="T20" s="178"/>
      <c r="U20" s="178"/>
      <c r="V20" s="178"/>
      <c r="W20" s="178"/>
      <c r="X20" s="179"/>
      <c r="Y20" s="214" t="s">
        <v>363</v>
      </c>
      <c r="Z20" s="143" t="s">
        <v>249</v>
      </c>
      <c r="AA20" s="143"/>
      <c r="AB20" s="141"/>
      <c r="AC20" s="352"/>
      <c r="AD20" s="352"/>
      <c r="AE20" s="352"/>
      <c r="AF20" s="352"/>
      <c r="AG20" s="100"/>
    </row>
    <row r="21" spans="1:33" ht="18.75" customHeight="1" x14ac:dyDescent="0.15">
      <c r="A21" s="213"/>
      <c r="B21" s="205"/>
      <c r="C21" s="163"/>
      <c r="D21" s="170"/>
      <c r="E21" s="150"/>
      <c r="F21" s="258"/>
      <c r="G21" s="139"/>
      <c r="H21" s="359" t="s">
        <v>217</v>
      </c>
      <c r="I21" s="361" t="s">
        <v>363</v>
      </c>
      <c r="J21" s="363" t="s">
        <v>254</v>
      </c>
      <c r="K21" s="363"/>
      <c r="L21" s="363"/>
      <c r="M21" s="361" t="s">
        <v>363</v>
      </c>
      <c r="N21" s="363" t="s">
        <v>255</v>
      </c>
      <c r="O21" s="363"/>
      <c r="P21" s="363"/>
      <c r="Q21" s="192"/>
      <c r="R21" s="192"/>
      <c r="S21" s="192"/>
      <c r="T21" s="192"/>
      <c r="U21" s="192"/>
      <c r="V21" s="192"/>
      <c r="W21" s="192"/>
      <c r="X21" s="193"/>
      <c r="Y21" s="214" t="s">
        <v>363</v>
      </c>
      <c r="Z21" s="143" t="s">
        <v>253</v>
      </c>
      <c r="AA21" s="138"/>
      <c r="AB21" s="141"/>
      <c r="AC21" s="354"/>
      <c r="AD21" s="354"/>
      <c r="AE21" s="354"/>
      <c r="AF21" s="354"/>
    </row>
    <row r="22" spans="1:33" s="161" customFormat="1" ht="18.75" customHeight="1" x14ac:dyDescent="0.15">
      <c r="A22" s="213"/>
      <c r="B22" s="205"/>
      <c r="C22" s="163"/>
      <c r="D22" s="170"/>
      <c r="E22" s="150"/>
      <c r="F22" s="258"/>
      <c r="G22" s="139"/>
      <c r="H22" s="360"/>
      <c r="I22" s="362"/>
      <c r="J22" s="364"/>
      <c r="K22" s="364"/>
      <c r="L22" s="364"/>
      <c r="M22" s="362"/>
      <c r="N22" s="364"/>
      <c r="O22" s="364"/>
      <c r="P22" s="364"/>
      <c r="Q22" s="178"/>
      <c r="R22" s="178"/>
      <c r="S22" s="178"/>
      <c r="T22" s="178"/>
      <c r="U22" s="178"/>
      <c r="V22" s="178"/>
      <c r="W22" s="178"/>
      <c r="X22" s="179"/>
      <c r="Y22" s="140"/>
      <c r="Z22" s="138"/>
      <c r="AA22" s="138"/>
      <c r="AB22" s="141"/>
      <c r="AC22" s="354"/>
      <c r="AD22" s="354"/>
      <c r="AE22" s="354"/>
      <c r="AF22" s="354"/>
    </row>
    <row r="23" spans="1:33" ht="18.75" customHeight="1" x14ac:dyDescent="0.15">
      <c r="A23" s="213"/>
      <c r="B23" s="205"/>
      <c r="C23" s="163"/>
      <c r="D23" s="170"/>
      <c r="E23" s="150"/>
      <c r="F23" s="258"/>
      <c r="G23" s="139"/>
      <c r="H23" s="359" t="s">
        <v>218</v>
      </c>
      <c r="I23" s="361" t="s">
        <v>363</v>
      </c>
      <c r="J23" s="363" t="s">
        <v>254</v>
      </c>
      <c r="K23" s="363"/>
      <c r="L23" s="363"/>
      <c r="M23" s="361" t="s">
        <v>363</v>
      </c>
      <c r="N23" s="363" t="s">
        <v>255</v>
      </c>
      <c r="O23" s="363"/>
      <c r="P23" s="363"/>
      <c r="Q23" s="192"/>
      <c r="R23" s="192"/>
      <c r="S23" s="192"/>
      <c r="T23" s="192"/>
      <c r="U23" s="192"/>
      <c r="V23" s="192"/>
      <c r="W23" s="192"/>
      <c r="X23" s="193"/>
      <c r="Y23" s="140"/>
      <c r="Z23" s="138"/>
      <c r="AA23" s="138"/>
      <c r="AB23" s="141"/>
      <c r="AC23" s="354"/>
      <c r="AD23" s="354"/>
      <c r="AE23" s="354"/>
      <c r="AF23" s="354"/>
      <c r="AG23" s="100"/>
    </row>
    <row r="24" spans="1:33" s="161" customFormat="1" ht="18.75" customHeight="1" x14ac:dyDescent="0.15">
      <c r="A24" s="230" t="s">
        <v>363</v>
      </c>
      <c r="B24" s="205">
        <v>63</v>
      </c>
      <c r="C24" s="163" t="s">
        <v>84</v>
      </c>
      <c r="D24" s="214" t="s">
        <v>363</v>
      </c>
      <c r="E24" s="150" t="s">
        <v>267</v>
      </c>
      <c r="F24" s="258"/>
      <c r="G24" s="139"/>
      <c r="H24" s="360"/>
      <c r="I24" s="362"/>
      <c r="J24" s="364"/>
      <c r="K24" s="364"/>
      <c r="L24" s="364"/>
      <c r="M24" s="362"/>
      <c r="N24" s="364"/>
      <c r="O24" s="364"/>
      <c r="P24" s="364"/>
      <c r="Q24" s="178"/>
      <c r="R24" s="178"/>
      <c r="S24" s="178"/>
      <c r="T24" s="178"/>
      <c r="U24" s="178"/>
      <c r="V24" s="178"/>
      <c r="W24" s="178"/>
      <c r="X24" s="179"/>
      <c r="Y24" s="140"/>
      <c r="Z24" s="138"/>
      <c r="AA24" s="138"/>
      <c r="AB24" s="141"/>
      <c r="AC24" s="354"/>
      <c r="AD24" s="354"/>
      <c r="AE24" s="354"/>
      <c r="AF24" s="354"/>
      <c r="AG24" s="100"/>
    </row>
    <row r="25" spans="1:33" ht="18.75" customHeight="1" x14ac:dyDescent="0.15">
      <c r="A25" s="213"/>
      <c r="B25" s="205"/>
      <c r="C25" s="163"/>
      <c r="D25" s="214" t="s">
        <v>363</v>
      </c>
      <c r="E25" s="150" t="s">
        <v>266</v>
      </c>
      <c r="F25" s="258"/>
      <c r="G25" s="139"/>
      <c r="H25" s="252" t="s">
        <v>132</v>
      </c>
      <c r="I25" s="214" t="s">
        <v>363</v>
      </c>
      <c r="J25" s="184" t="s">
        <v>250</v>
      </c>
      <c r="K25" s="182"/>
      <c r="L25" s="214" t="s">
        <v>363</v>
      </c>
      <c r="M25" s="184" t="s">
        <v>263</v>
      </c>
      <c r="N25" s="184"/>
      <c r="O25" s="166"/>
      <c r="P25" s="166"/>
      <c r="Q25" s="166"/>
      <c r="R25" s="166"/>
      <c r="S25" s="166"/>
      <c r="T25" s="166"/>
      <c r="U25" s="166"/>
      <c r="V25" s="166"/>
      <c r="W25" s="166"/>
      <c r="X25" s="211"/>
      <c r="Y25" s="140"/>
      <c r="Z25" s="138"/>
      <c r="AA25" s="138"/>
      <c r="AB25" s="141"/>
      <c r="AC25" s="354"/>
      <c r="AD25" s="354"/>
      <c r="AE25" s="354"/>
      <c r="AF25" s="354"/>
    </row>
    <row r="26" spans="1:33" ht="18.75" customHeight="1" x14ac:dyDescent="0.15">
      <c r="A26" s="213"/>
      <c r="B26" s="205"/>
      <c r="C26" s="163"/>
      <c r="D26" s="170"/>
      <c r="E26" s="150"/>
      <c r="F26" s="258"/>
      <c r="G26" s="139"/>
      <c r="H26" s="252" t="s">
        <v>108</v>
      </c>
      <c r="I26" s="220" t="s">
        <v>363</v>
      </c>
      <c r="J26" s="184" t="s">
        <v>261</v>
      </c>
      <c r="K26" s="182"/>
      <c r="L26" s="212"/>
      <c r="M26" s="214" t="s">
        <v>363</v>
      </c>
      <c r="N26" s="184" t="s">
        <v>262</v>
      </c>
      <c r="O26" s="166"/>
      <c r="P26" s="166"/>
      <c r="Q26" s="166"/>
      <c r="R26" s="166"/>
      <c r="S26" s="166"/>
      <c r="T26" s="166"/>
      <c r="U26" s="166"/>
      <c r="V26" s="166"/>
      <c r="W26" s="166"/>
      <c r="X26" s="211"/>
      <c r="Y26" s="140"/>
      <c r="Z26" s="138"/>
      <c r="AA26" s="138"/>
      <c r="AB26" s="141"/>
      <c r="AC26" s="354"/>
      <c r="AD26" s="354"/>
      <c r="AE26" s="354"/>
      <c r="AF26" s="354"/>
    </row>
    <row r="27" spans="1:33" ht="18.75" customHeight="1" x14ac:dyDescent="0.15">
      <c r="A27" s="213"/>
      <c r="B27" s="205"/>
      <c r="C27" s="163"/>
      <c r="D27" s="170"/>
      <c r="E27" s="150"/>
      <c r="F27" s="258"/>
      <c r="G27" s="139"/>
      <c r="H27" s="145" t="s">
        <v>144</v>
      </c>
      <c r="I27" s="220" t="s">
        <v>363</v>
      </c>
      <c r="J27" s="184" t="s">
        <v>250</v>
      </c>
      <c r="K27" s="182"/>
      <c r="L27" s="214" t="s">
        <v>363</v>
      </c>
      <c r="M27" s="184" t="s">
        <v>263</v>
      </c>
      <c r="N27" s="184"/>
      <c r="O27" s="184"/>
      <c r="P27" s="184"/>
      <c r="Q27" s="184"/>
      <c r="R27" s="184"/>
      <c r="S27" s="184"/>
      <c r="T27" s="184"/>
      <c r="U27" s="184"/>
      <c r="V27" s="184"/>
      <c r="W27" s="184"/>
      <c r="X27" s="185"/>
      <c r="Y27" s="140"/>
      <c r="Z27" s="138"/>
      <c r="AA27" s="138"/>
      <c r="AB27" s="141"/>
      <c r="AC27" s="354"/>
      <c r="AD27" s="354"/>
      <c r="AE27" s="354"/>
      <c r="AF27" s="354"/>
    </row>
    <row r="28" spans="1:33" ht="18.75" customHeight="1" x14ac:dyDescent="0.15">
      <c r="A28" s="215"/>
      <c r="B28" s="247"/>
      <c r="C28" s="164"/>
      <c r="D28" s="156"/>
      <c r="E28" s="152"/>
      <c r="F28" s="254"/>
      <c r="G28" s="198"/>
      <c r="H28" s="160" t="s">
        <v>131</v>
      </c>
      <c r="I28" s="226" t="s">
        <v>363</v>
      </c>
      <c r="J28" s="111" t="s">
        <v>250</v>
      </c>
      <c r="K28" s="111"/>
      <c r="L28" s="227" t="s">
        <v>363</v>
      </c>
      <c r="M28" s="111" t="s">
        <v>264</v>
      </c>
      <c r="N28" s="111"/>
      <c r="O28" s="227" t="s">
        <v>363</v>
      </c>
      <c r="P28" s="111" t="s">
        <v>268</v>
      </c>
      <c r="Q28" s="167"/>
      <c r="R28" s="218"/>
      <c r="S28" s="218"/>
      <c r="T28" s="218"/>
      <c r="U28" s="218"/>
      <c r="V28" s="218"/>
      <c r="W28" s="218"/>
      <c r="X28" s="233"/>
      <c r="Y28" s="195"/>
      <c r="Z28" s="196"/>
      <c r="AA28" s="196"/>
      <c r="AB28" s="197"/>
      <c r="AC28" s="356"/>
      <c r="AD28" s="356"/>
      <c r="AE28" s="356"/>
      <c r="AF28" s="356"/>
    </row>
    <row r="29" spans="1:33" ht="18.75" customHeight="1" x14ac:dyDescent="0.15">
      <c r="A29" s="108"/>
      <c r="B29" s="245"/>
      <c r="C29" s="248"/>
      <c r="D29" s="256"/>
      <c r="E29" s="175"/>
      <c r="F29" s="256"/>
      <c r="G29" s="110"/>
      <c r="H29" s="144" t="s">
        <v>147</v>
      </c>
      <c r="I29" s="214" t="s">
        <v>363</v>
      </c>
      <c r="J29" s="188" t="s">
        <v>250</v>
      </c>
      <c r="K29" s="190"/>
      <c r="L29" s="214" t="s">
        <v>363</v>
      </c>
      <c r="M29" s="188" t="s">
        <v>263</v>
      </c>
      <c r="N29" s="188"/>
      <c r="O29" s="188"/>
      <c r="P29" s="188"/>
      <c r="Q29" s="178"/>
      <c r="R29" s="178"/>
      <c r="S29" s="178"/>
      <c r="T29" s="178"/>
      <c r="U29" s="178"/>
      <c r="V29" s="178"/>
      <c r="W29" s="178"/>
      <c r="X29" s="179"/>
      <c r="Y29" s="214" t="s">
        <v>363</v>
      </c>
      <c r="Z29" s="143" t="s">
        <v>249</v>
      </c>
      <c r="AA29" s="143"/>
      <c r="AB29" s="141"/>
      <c r="AC29" s="352"/>
      <c r="AD29" s="352"/>
      <c r="AE29" s="352"/>
      <c r="AF29" s="352"/>
      <c r="AG29" s="100"/>
    </row>
    <row r="30" spans="1:33" ht="18.75" customHeight="1" x14ac:dyDescent="0.15">
      <c r="A30" s="213"/>
      <c r="B30" s="205"/>
      <c r="C30" s="249"/>
      <c r="D30" s="258"/>
      <c r="E30" s="150"/>
      <c r="F30" s="258"/>
      <c r="G30" s="139"/>
      <c r="H30" s="359" t="s">
        <v>123</v>
      </c>
      <c r="I30" s="361" t="s">
        <v>363</v>
      </c>
      <c r="J30" s="363" t="s">
        <v>254</v>
      </c>
      <c r="K30" s="363"/>
      <c r="L30" s="363"/>
      <c r="M30" s="361" t="s">
        <v>363</v>
      </c>
      <c r="N30" s="363" t="s">
        <v>255</v>
      </c>
      <c r="O30" s="363"/>
      <c r="P30" s="363"/>
      <c r="Q30" s="192"/>
      <c r="R30" s="192"/>
      <c r="S30" s="192"/>
      <c r="T30" s="192"/>
      <c r="U30" s="192"/>
      <c r="V30" s="192"/>
      <c r="W30" s="192"/>
      <c r="X30" s="193"/>
      <c r="Y30" s="214" t="s">
        <v>363</v>
      </c>
      <c r="Z30" s="143" t="s">
        <v>253</v>
      </c>
      <c r="AA30" s="138"/>
      <c r="AB30" s="141"/>
      <c r="AC30" s="354"/>
      <c r="AD30" s="354"/>
      <c r="AE30" s="354"/>
      <c r="AF30" s="354"/>
    </row>
    <row r="31" spans="1:33" s="161" customFormat="1" ht="18.75" customHeight="1" x14ac:dyDescent="0.15">
      <c r="A31" s="213"/>
      <c r="B31" s="205"/>
      <c r="C31" s="249"/>
      <c r="D31" s="214" t="s">
        <v>363</v>
      </c>
      <c r="E31" s="150" t="s">
        <v>369</v>
      </c>
      <c r="F31" s="258"/>
      <c r="G31" s="139"/>
      <c r="H31" s="360"/>
      <c r="I31" s="362"/>
      <c r="J31" s="364"/>
      <c r="K31" s="364"/>
      <c r="L31" s="364"/>
      <c r="M31" s="362"/>
      <c r="N31" s="364"/>
      <c r="O31" s="364"/>
      <c r="P31" s="364"/>
      <c r="Q31" s="178"/>
      <c r="R31" s="178"/>
      <c r="S31" s="178"/>
      <c r="T31" s="178"/>
      <c r="U31" s="178"/>
      <c r="V31" s="178"/>
      <c r="W31" s="178"/>
      <c r="X31" s="179"/>
      <c r="Y31" s="140"/>
      <c r="Z31" s="138"/>
      <c r="AA31" s="138"/>
      <c r="AB31" s="141"/>
      <c r="AC31" s="354"/>
      <c r="AD31" s="354"/>
      <c r="AE31" s="354"/>
      <c r="AF31" s="354"/>
    </row>
    <row r="32" spans="1:33" ht="18.75" customHeight="1" x14ac:dyDescent="0.15">
      <c r="A32" s="230" t="s">
        <v>363</v>
      </c>
      <c r="B32" s="205">
        <v>64</v>
      </c>
      <c r="C32" s="249" t="s">
        <v>370</v>
      </c>
      <c r="D32" s="214" t="s">
        <v>363</v>
      </c>
      <c r="E32" s="150" t="s">
        <v>269</v>
      </c>
      <c r="F32" s="258"/>
      <c r="G32" s="139"/>
      <c r="H32" s="359" t="s">
        <v>124</v>
      </c>
      <c r="I32" s="361" t="s">
        <v>363</v>
      </c>
      <c r="J32" s="363" t="s">
        <v>254</v>
      </c>
      <c r="K32" s="363"/>
      <c r="L32" s="363"/>
      <c r="M32" s="361" t="s">
        <v>363</v>
      </c>
      <c r="N32" s="363" t="s">
        <v>255</v>
      </c>
      <c r="O32" s="363"/>
      <c r="P32" s="363"/>
      <c r="Q32" s="192"/>
      <c r="R32" s="192"/>
      <c r="S32" s="192"/>
      <c r="T32" s="192"/>
      <c r="U32" s="192"/>
      <c r="V32" s="192"/>
      <c r="W32" s="192"/>
      <c r="X32" s="193"/>
      <c r="Y32" s="140"/>
      <c r="Z32" s="138"/>
      <c r="AA32" s="138"/>
      <c r="AB32" s="141"/>
      <c r="AC32" s="354"/>
      <c r="AD32" s="354"/>
      <c r="AE32" s="354"/>
      <c r="AF32" s="354"/>
    </row>
    <row r="33" spans="1:33" s="161" customFormat="1" ht="18.75" customHeight="1" x14ac:dyDescent="0.15">
      <c r="A33" s="213"/>
      <c r="B33" s="205"/>
      <c r="C33" s="249" t="s">
        <v>371</v>
      </c>
      <c r="D33" s="214" t="s">
        <v>363</v>
      </c>
      <c r="E33" s="150" t="s">
        <v>270</v>
      </c>
      <c r="F33" s="258"/>
      <c r="G33" s="139"/>
      <c r="H33" s="360"/>
      <c r="I33" s="362"/>
      <c r="J33" s="364"/>
      <c r="K33" s="364"/>
      <c r="L33" s="364"/>
      <c r="M33" s="362"/>
      <c r="N33" s="364"/>
      <c r="O33" s="364"/>
      <c r="P33" s="364"/>
      <c r="Q33" s="178"/>
      <c r="R33" s="178"/>
      <c r="S33" s="178"/>
      <c r="T33" s="178"/>
      <c r="U33" s="178"/>
      <c r="V33" s="178"/>
      <c r="W33" s="178"/>
      <c r="X33" s="179"/>
      <c r="Y33" s="140"/>
      <c r="Z33" s="138"/>
      <c r="AA33" s="138"/>
      <c r="AB33" s="141"/>
      <c r="AC33" s="354"/>
      <c r="AD33" s="354"/>
      <c r="AE33" s="354"/>
      <c r="AF33" s="354"/>
    </row>
    <row r="34" spans="1:33" ht="18.75" customHeight="1" x14ac:dyDescent="0.15">
      <c r="A34" s="213"/>
      <c r="B34" s="205"/>
      <c r="C34" s="249"/>
      <c r="D34" s="258"/>
      <c r="E34" s="150"/>
      <c r="F34" s="258"/>
      <c r="G34" s="139"/>
      <c r="H34" s="146" t="s">
        <v>119</v>
      </c>
      <c r="I34" s="214" t="s">
        <v>363</v>
      </c>
      <c r="J34" s="184" t="s">
        <v>250</v>
      </c>
      <c r="K34" s="182"/>
      <c r="L34" s="214" t="s">
        <v>363</v>
      </c>
      <c r="M34" s="184" t="s">
        <v>263</v>
      </c>
      <c r="N34" s="184"/>
      <c r="O34" s="239"/>
      <c r="P34" s="239"/>
      <c r="Q34" s="239"/>
      <c r="R34" s="239"/>
      <c r="S34" s="239"/>
      <c r="T34" s="239"/>
      <c r="U34" s="239"/>
      <c r="V34" s="239"/>
      <c r="W34" s="239"/>
      <c r="X34" s="209"/>
      <c r="Y34" s="140"/>
      <c r="Z34" s="138"/>
      <c r="AA34" s="138"/>
      <c r="AB34" s="141"/>
      <c r="AC34" s="354"/>
      <c r="AD34" s="354"/>
      <c r="AE34" s="354"/>
      <c r="AF34" s="354"/>
    </row>
    <row r="35" spans="1:33" ht="18.75" customHeight="1" x14ac:dyDescent="0.15">
      <c r="A35" s="215"/>
      <c r="B35" s="247"/>
      <c r="C35" s="250"/>
      <c r="D35" s="254"/>
      <c r="E35" s="152"/>
      <c r="F35" s="254"/>
      <c r="G35" s="198"/>
      <c r="H35" s="160" t="s">
        <v>131</v>
      </c>
      <c r="I35" s="226" t="s">
        <v>363</v>
      </c>
      <c r="J35" s="111" t="s">
        <v>250</v>
      </c>
      <c r="K35" s="111"/>
      <c r="L35" s="227" t="s">
        <v>363</v>
      </c>
      <c r="M35" s="111" t="s">
        <v>264</v>
      </c>
      <c r="N35" s="111"/>
      <c r="O35" s="227" t="s">
        <v>363</v>
      </c>
      <c r="P35" s="111" t="s">
        <v>268</v>
      </c>
      <c r="Q35" s="167"/>
      <c r="R35" s="218"/>
      <c r="S35" s="167"/>
      <c r="T35" s="167"/>
      <c r="U35" s="167"/>
      <c r="V35" s="167"/>
      <c r="W35" s="167"/>
      <c r="X35" s="168"/>
      <c r="Y35" s="195"/>
      <c r="Z35" s="196"/>
      <c r="AA35" s="196"/>
      <c r="AB35" s="197"/>
      <c r="AC35" s="356"/>
      <c r="AD35" s="356"/>
      <c r="AE35" s="356"/>
      <c r="AF35" s="356"/>
    </row>
    <row r="36" spans="1:33" ht="18.75" customHeight="1" x14ac:dyDescent="0.15">
      <c r="A36" s="108"/>
      <c r="B36" s="245"/>
      <c r="C36" s="248"/>
      <c r="D36" s="256"/>
      <c r="E36" s="175"/>
      <c r="F36" s="256"/>
      <c r="G36" s="110"/>
      <c r="H36" s="144" t="s">
        <v>147</v>
      </c>
      <c r="I36" s="228" t="s">
        <v>363</v>
      </c>
      <c r="J36" s="180" t="s">
        <v>250</v>
      </c>
      <c r="K36" s="224"/>
      <c r="L36" s="229" t="s">
        <v>363</v>
      </c>
      <c r="M36" s="180" t="s">
        <v>263</v>
      </c>
      <c r="N36" s="180"/>
      <c r="O36" s="180"/>
      <c r="P36" s="180"/>
      <c r="Q36" s="165"/>
      <c r="R36" s="165"/>
      <c r="S36" s="165"/>
      <c r="T36" s="165"/>
      <c r="U36" s="165"/>
      <c r="V36" s="165"/>
      <c r="W36" s="165"/>
      <c r="X36" s="210"/>
      <c r="Y36" s="214" t="s">
        <v>363</v>
      </c>
      <c r="Z36" s="143" t="s">
        <v>249</v>
      </c>
      <c r="AA36" s="143"/>
      <c r="AB36" s="141"/>
      <c r="AC36" s="379"/>
      <c r="AD36" s="379"/>
      <c r="AE36" s="379"/>
      <c r="AF36" s="379"/>
    </row>
    <row r="37" spans="1:33" ht="18.75" customHeight="1" x14ac:dyDescent="0.15">
      <c r="A37" s="213"/>
      <c r="B37" s="205"/>
      <c r="C37" s="249"/>
      <c r="D37" s="258"/>
      <c r="E37" s="150"/>
      <c r="F37" s="258"/>
      <c r="G37" s="139"/>
      <c r="H37" s="359" t="s">
        <v>123</v>
      </c>
      <c r="I37" s="365" t="s">
        <v>363</v>
      </c>
      <c r="J37" s="363" t="s">
        <v>254</v>
      </c>
      <c r="K37" s="363"/>
      <c r="L37" s="363"/>
      <c r="M37" s="361" t="s">
        <v>363</v>
      </c>
      <c r="N37" s="363" t="s">
        <v>255</v>
      </c>
      <c r="O37" s="363"/>
      <c r="P37" s="363"/>
      <c r="Q37" s="192"/>
      <c r="R37" s="192"/>
      <c r="S37" s="192"/>
      <c r="T37" s="192"/>
      <c r="U37" s="192"/>
      <c r="V37" s="192"/>
      <c r="W37" s="192"/>
      <c r="X37" s="193"/>
      <c r="Y37" s="214" t="s">
        <v>363</v>
      </c>
      <c r="Z37" s="143" t="s">
        <v>253</v>
      </c>
      <c r="AA37" s="138"/>
      <c r="AB37" s="141"/>
      <c r="AC37" s="380"/>
      <c r="AD37" s="380"/>
      <c r="AE37" s="380"/>
      <c r="AF37" s="380"/>
    </row>
    <row r="38" spans="1:33" s="161" customFormat="1" ht="18.75" customHeight="1" x14ac:dyDescent="0.15">
      <c r="A38" s="230" t="s">
        <v>363</v>
      </c>
      <c r="B38" s="205">
        <v>34</v>
      </c>
      <c r="C38" s="249" t="s">
        <v>176</v>
      </c>
      <c r="D38" s="258"/>
      <c r="E38" s="150"/>
      <c r="F38" s="258"/>
      <c r="G38" s="139"/>
      <c r="H38" s="360"/>
      <c r="I38" s="401"/>
      <c r="J38" s="364"/>
      <c r="K38" s="364"/>
      <c r="L38" s="364"/>
      <c r="M38" s="362"/>
      <c r="N38" s="364"/>
      <c r="O38" s="364"/>
      <c r="P38" s="364"/>
      <c r="Q38" s="178"/>
      <c r="R38" s="178"/>
      <c r="S38" s="178"/>
      <c r="T38" s="178"/>
      <c r="U38" s="178"/>
      <c r="V38" s="178"/>
      <c r="W38" s="178"/>
      <c r="X38" s="179"/>
      <c r="Y38" s="140"/>
      <c r="Z38" s="138"/>
      <c r="AA38" s="138"/>
      <c r="AB38" s="141"/>
      <c r="AC38" s="381"/>
      <c r="AD38" s="381"/>
      <c r="AE38" s="381"/>
      <c r="AF38" s="381"/>
    </row>
    <row r="39" spans="1:33" s="161" customFormat="1" ht="18.75" customHeight="1" x14ac:dyDescent="0.15">
      <c r="A39" s="213"/>
      <c r="B39" s="205"/>
      <c r="C39" s="249"/>
      <c r="D39" s="258"/>
      <c r="E39" s="150"/>
      <c r="F39" s="258"/>
      <c r="G39" s="139"/>
      <c r="H39" s="359" t="s">
        <v>124</v>
      </c>
      <c r="I39" s="365" t="s">
        <v>363</v>
      </c>
      <c r="J39" s="363" t="s">
        <v>254</v>
      </c>
      <c r="K39" s="363"/>
      <c r="L39" s="363"/>
      <c r="M39" s="361" t="s">
        <v>363</v>
      </c>
      <c r="N39" s="363" t="s">
        <v>255</v>
      </c>
      <c r="O39" s="363"/>
      <c r="P39" s="363"/>
      <c r="Q39" s="192"/>
      <c r="R39" s="192"/>
      <c r="S39" s="192"/>
      <c r="T39" s="192"/>
      <c r="U39" s="192"/>
      <c r="V39" s="192"/>
      <c r="W39" s="192"/>
      <c r="X39" s="193"/>
      <c r="Y39" s="140"/>
      <c r="Z39" s="138"/>
      <c r="AA39" s="138"/>
      <c r="AB39" s="141"/>
      <c r="AC39" s="381"/>
      <c r="AD39" s="381"/>
      <c r="AE39" s="381"/>
      <c r="AF39" s="381"/>
    </row>
    <row r="40" spans="1:33" ht="18.75" customHeight="1" x14ac:dyDescent="0.15">
      <c r="A40" s="215"/>
      <c r="B40" s="247"/>
      <c r="C40" s="250"/>
      <c r="D40" s="254"/>
      <c r="E40" s="152"/>
      <c r="F40" s="254"/>
      <c r="G40" s="198"/>
      <c r="H40" s="400"/>
      <c r="I40" s="366"/>
      <c r="J40" s="367"/>
      <c r="K40" s="367"/>
      <c r="L40" s="367"/>
      <c r="M40" s="368"/>
      <c r="N40" s="367"/>
      <c r="O40" s="367"/>
      <c r="P40" s="367"/>
      <c r="Q40" s="201"/>
      <c r="R40" s="201"/>
      <c r="S40" s="201"/>
      <c r="T40" s="201"/>
      <c r="U40" s="201"/>
      <c r="V40" s="201"/>
      <c r="W40" s="201"/>
      <c r="X40" s="202"/>
      <c r="Y40" s="195"/>
      <c r="Z40" s="196"/>
      <c r="AA40" s="196"/>
      <c r="AB40" s="197"/>
      <c r="AC40" s="382"/>
      <c r="AD40" s="382"/>
      <c r="AE40" s="382"/>
      <c r="AF40" s="382"/>
    </row>
    <row r="41" spans="1:33" ht="18.75" customHeight="1" x14ac:dyDescent="0.15">
      <c r="A41" s="108"/>
      <c r="B41" s="245"/>
      <c r="C41" s="248"/>
      <c r="D41" s="256"/>
      <c r="E41" s="175"/>
      <c r="F41" s="256"/>
      <c r="G41" s="110"/>
      <c r="H41" s="372" t="s">
        <v>109</v>
      </c>
      <c r="I41" s="228" t="s">
        <v>363</v>
      </c>
      <c r="J41" s="109" t="s">
        <v>250</v>
      </c>
      <c r="K41" s="109"/>
      <c r="L41" s="257"/>
      <c r="M41" s="229" t="s">
        <v>363</v>
      </c>
      <c r="N41" s="109" t="s">
        <v>274</v>
      </c>
      <c r="O41" s="109"/>
      <c r="P41" s="257"/>
      <c r="Q41" s="229" t="s">
        <v>363</v>
      </c>
      <c r="R41" s="154" t="s">
        <v>275</v>
      </c>
      <c r="S41" s="154"/>
      <c r="T41" s="154"/>
      <c r="U41" s="229" t="s">
        <v>363</v>
      </c>
      <c r="V41" s="154" t="s">
        <v>276</v>
      </c>
      <c r="W41" s="154"/>
      <c r="X41" s="155"/>
      <c r="Y41" s="229" t="s">
        <v>363</v>
      </c>
      <c r="Z41" s="109" t="s">
        <v>249</v>
      </c>
      <c r="AA41" s="109"/>
      <c r="AB41" s="194"/>
      <c r="AC41" s="352"/>
      <c r="AD41" s="352"/>
      <c r="AE41" s="352"/>
      <c r="AF41" s="352"/>
      <c r="AG41" s="100"/>
    </row>
    <row r="42" spans="1:33" s="161" customFormat="1" ht="18.75" customHeight="1" x14ac:dyDescent="0.15">
      <c r="A42" s="213"/>
      <c r="B42" s="205"/>
      <c r="C42" s="249"/>
      <c r="D42" s="258"/>
      <c r="E42" s="150"/>
      <c r="F42" s="258"/>
      <c r="G42" s="139"/>
      <c r="H42" s="358"/>
      <c r="I42" s="241" t="s">
        <v>363</v>
      </c>
      <c r="J42" s="188" t="s">
        <v>277</v>
      </c>
      <c r="K42" s="237"/>
      <c r="L42" s="237"/>
      <c r="M42" s="243" t="s">
        <v>363</v>
      </c>
      <c r="N42" s="188" t="s">
        <v>278</v>
      </c>
      <c r="O42" s="237"/>
      <c r="P42" s="237"/>
      <c r="Q42" s="243" t="s">
        <v>363</v>
      </c>
      <c r="R42" s="188" t="s">
        <v>279</v>
      </c>
      <c r="S42" s="237"/>
      <c r="T42" s="237"/>
      <c r="U42" s="237"/>
      <c r="V42" s="237"/>
      <c r="W42" s="237"/>
      <c r="X42" s="204"/>
      <c r="Y42" s="214" t="s">
        <v>363</v>
      </c>
      <c r="Z42" s="143" t="s">
        <v>253</v>
      </c>
      <c r="AA42" s="138"/>
      <c r="AB42" s="141"/>
      <c r="AC42" s="353"/>
      <c r="AD42" s="353"/>
      <c r="AE42" s="353"/>
      <c r="AF42" s="353"/>
      <c r="AG42" s="100"/>
    </row>
    <row r="43" spans="1:33" ht="18.75" customHeight="1" x14ac:dyDescent="0.15">
      <c r="A43" s="213"/>
      <c r="B43" s="205"/>
      <c r="C43" s="249"/>
      <c r="D43" s="258"/>
      <c r="E43" s="150"/>
      <c r="F43" s="258"/>
      <c r="G43" s="139"/>
      <c r="H43" s="206" t="s">
        <v>185</v>
      </c>
      <c r="I43" s="220" t="s">
        <v>363</v>
      </c>
      <c r="J43" s="184" t="s">
        <v>250</v>
      </c>
      <c r="K43" s="182"/>
      <c r="L43" s="221" t="s">
        <v>363</v>
      </c>
      <c r="M43" s="184" t="s">
        <v>263</v>
      </c>
      <c r="N43" s="184"/>
      <c r="O43" s="239"/>
      <c r="P43" s="239"/>
      <c r="Q43" s="239"/>
      <c r="R43" s="239"/>
      <c r="S43" s="239"/>
      <c r="T43" s="239"/>
      <c r="U43" s="239"/>
      <c r="V43" s="239"/>
      <c r="W43" s="239"/>
      <c r="X43" s="209"/>
      <c r="Y43" s="140"/>
      <c r="Z43" s="138"/>
      <c r="AA43" s="138"/>
      <c r="AB43" s="141"/>
      <c r="AC43" s="354"/>
      <c r="AD43" s="354"/>
      <c r="AE43" s="354"/>
      <c r="AF43" s="354"/>
      <c r="AG43" s="100"/>
    </row>
    <row r="44" spans="1:33" ht="18.75" customHeight="1" x14ac:dyDescent="0.15">
      <c r="A44" s="213"/>
      <c r="B44" s="205"/>
      <c r="C44" s="249"/>
      <c r="D44" s="258"/>
      <c r="E44" s="150"/>
      <c r="F44" s="258"/>
      <c r="G44" s="139"/>
      <c r="H44" s="252" t="s">
        <v>133</v>
      </c>
      <c r="I44" s="221" t="s">
        <v>363</v>
      </c>
      <c r="J44" s="184" t="s">
        <v>250</v>
      </c>
      <c r="K44" s="182"/>
      <c r="L44" s="221" t="s">
        <v>363</v>
      </c>
      <c r="M44" s="184" t="s">
        <v>263</v>
      </c>
      <c r="N44" s="184"/>
      <c r="O44" s="239"/>
      <c r="P44" s="239"/>
      <c r="Q44" s="239"/>
      <c r="R44" s="239"/>
      <c r="S44" s="239"/>
      <c r="T44" s="239"/>
      <c r="U44" s="239"/>
      <c r="V44" s="239"/>
      <c r="W44" s="239"/>
      <c r="X44" s="209"/>
      <c r="Y44" s="140"/>
      <c r="Z44" s="138"/>
      <c r="AA44" s="138"/>
      <c r="AB44" s="141"/>
      <c r="AC44" s="354"/>
      <c r="AD44" s="354"/>
      <c r="AE44" s="354"/>
      <c r="AF44" s="354"/>
    </row>
    <row r="45" spans="1:33" ht="18.75" customHeight="1" x14ac:dyDescent="0.15">
      <c r="A45" s="213"/>
      <c r="B45" s="205"/>
      <c r="C45" s="249"/>
      <c r="D45" s="258"/>
      <c r="E45" s="150"/>
      <c r="F45" s="258"/>
      <c r="G45" s="139"/>
      <c r="H45" s="252" t="s">
        <v>118</v>
      </c>
      <c r="I45" s="221" t="s">
        <v>363</v>
      </c>
      <c r="J45" s="184" t="s">
        <v>250</v>
      </c>
      <c r="K45" s="182"/>
      <c r="L45" s="221" t="s">
        <v>363</v>
      </c>
      <c r="M45" s="184" t="s">
        <v>263</v>
      </c>
      <c r="N45" s="184"/>
      <c r="O45" s="239"/>
      <c r="P45" s="239"/>
      <c r="Q45" s="239"/>
      <c r="R45" s="239"/>
      <c r="S45" s="239"/>
      <c r="T45" s="239"/>
      <c r="U45" s="239"/>
      <c r="V45" s="239"/>
      <c r="W45" s="239"/>
      <c r="X45" s="209"/>
      <c r="Y45" s="140"/>
      <c r="Z45" s="138"/>
      <c r="AA45" s="138"/>
      <c r="AB45" s="141"/>
      <c r="AC45" s="354"/>
      <c r="AD45" s="354"/>
      <c r="AE45" s="354"/>
      <c r="AF45" s="354"/>
    </row>
    <row r="46" spans="1:33" ht="18.75" customHeight="1" x14ac:dyDescent="0.15">
      <c r="A46" s="213"/>
      <c r="B46" s="205"/>
      <c r="C46" s="249"/>
      <c r="D46" s="214" t="s">
        <v>363</v>
      </c>
      <c r="E46" s="150" t="s">
        <v>369</v>
      </c>
      <c r="F46" s="258"/>
      <c r="G46" s="139"/>
      <c r="H46" s="252" t="s">
        <v>232</v>
      </c>
      <c r="I46" s="221" t="s">
        <v>363</v>
      </c>
      <c r="J46" s="184" t="s">
        <v>250</v>
      </c>
      <c r="K46" s="182"/>
      <c r="L46" s="221" t="s">
        <v>363</v>
      </c>
      <c r="M46" s="184" t="s">
        <v>263</v>
      </c>
      <c r="N46" s="184"/>
      <c r="O46" s="239"/>
      <c r="P46" s="239"/>
      <c r="Q46" s="239"/>
      <c r="R46" s="239"/>
      <c r="S46" s="239"/>
      <c r="T46" s="239"/>
      <c r="U46" s="239"/>
      <c r="V46" s="239"/>
      <c r="W46" s="239"/>
      <c r="X46" s="209"/>
      <c r="Y46" s="140"/>
      <c r="Z46" s="138"/>
      <c r="AA46" s="138"/>
      <c r="AB46" s="141"/>
      <c r="AC46" s="354"/>
      <c r="AD46" s="354"/>
      <c r="AE46" s="354"/>
      <c r="AF46" s="354"/>
    </row>
    <row r="47" spans="1:33" ht="18.75" customHeight="1" x14ac:dyDescent="0.15">
      <c r="A47" s="230" t="s">
        <v>363</v>
      </c>
      <c r="B47" s="205">
        <v>66</v>
      </c>
      <c r="C47" s="249" t="s">
        <v>372</v>
      </c>
      <c r="D47" s="214" t="s">
        <v>363</v>
      </c>
      <c r="E47" s="150" t="s">
        <v>269</v>
      </c>
      <c r="F47" s="258"/>
      <c r="G47" s="139"/>
      <c r="H47" s="253" t="s">
        <v>216</v>
      </c>
      <c r="I47" s="221" t="s">
        <v>363</v>
      </c>
      <c r="J47" s="184" t="s">
        <v>250</v>
      </c>
      <c r="K47" s="182"/>
      <c r="L47" s="221" t="s">
        <v>363</v>
      </c>
      <c r="M47" s="184" t="s">
        <v>263</v>
      </c>
      <c r="N47" s="184"/>
      <c r="O47" s="239"/>
      <c r="P47" s="239"/>
      <c r="Q47" s="239"/>
      <c r="R47" s="239"/>
      <c r="S47" s="239"/>
      <c r="T47" s="239"/>
      <c r="U47" s="239"/>
      <c r="V47" s="239"/>
      <c r="W47" s="239"/>
      <c r="X47" s="209"/>
      <c r="Y47" s="140"/>
      <c r="Z47" s="138"/>
      <c r="AA47" s="138"/>
      <c r="AB47" s="141"/>
      <c r="AC47" s="354"/>
      <c r="AD47" s="354"/>
      <c r="AE47" s="354"/>
      <c r="AF47" s="354"/>
    </row>
    <row r="48" spans="1:33" ht="18.75" customHeight="1" x14ac:dyDescent="0.15">
      <c r="A48" s="213"/>
      <c r="B48" s="205"/>
      <c r="C48" s="249" t="s">
        <v>371</v>
      </c>
      <c r="D48" s="214" t="s">
        <v>363</v>
      </c>
      <c r="E48" s="150" t="s">
        <v>270</v>
      </c>
      <c r="F48" s="258"/>
      <c r="G48" s="139"/>
      <c r="H48" s="252" t="s">
        <v>145</v>
      </c>
      <c r="I48" s="221" t="s">
        <v>363</v>
      </c>
      <c r="J48" s="184" t="s">
        <v>250</v>
      </c>
      <c r="K48" s="182"/>
      <c r="L48" s="221" t="s">
        <v>363</v>
      </c>
      <c r="M48" s="184" t="s">
        <v>263</v>
      </c>
      <c r="N48" s="184"/>
      <c r="O48" s="239"/>
      <c r="P48" s="239"/>
      <c r="Q48" s="239"/>
      <c r="R48" s="239"/>
      <c r="S48" s="239"/>
      <c r="T48" s="239"/>
      <c r="U48" s="239"/>
      <c r="V48" s="239"/>
      <c r="W48" s="239"/>
      <c r="X48" s="209"/>
      <c r="Y48" s="140"/>
      <c r="Z48" s="138"/>
      <c r="AA48" s="138"/>
      <c r="AB48" s="141"/>
      <c r="AC48" s="354"/>
      <c r="AD48" s="354"/>
      <c r="AE48" s="354"/>
      <c r="AF48" s="354"/>
    </row>
    <row r="49" spans="1:33" ht="18.75" customHeight="1" x14ac:dyDescent="0.15">
      <c r="A49" s="213"/>
      <c r="B49" s="205"/>
      <c r="C49" s="249"/>
      <c r="D49" s="258"/>
      <c r="E49" s="150"/>
      <c r="F49" s="258"/>
      <c r="G49" s="139"/>
      <c r="H49" s="145" t="s">
        <v>119</v>
      </c>
      <c r="I49" s="221" t="s">
        <v>363</v>
      </c>
      <c r="J49" s="184" t="s">
        <v>250</v>
      </c>
      <c r="K49" s="182"/>
      <c r="L49" s="221" t="s">
        <v>363</v>
      </c>
      <c r="M49" s="184" t="s">
        <v>263</v>
      </c>
      <c r="N49" s="184"/>
      <c r="O49" s="239"/>
      <c r="P49" s="239"/>
      <c r="Q49" s="239"/>
      <c r="R49" s="239"/>
      <c r="S49" s="239"/>
      <c r="T49" s="239"/>
      <c r="U49" s="239"/>
      <c r="V49" s="239"/>
      <c r="W49" s="239"/>
      <c r="X49" s="209"/>
      <c r="Y49" s="140"/>
      <c r="Z49" s="138"/>
      <c r="AA49" s="138"/>
      <c r="AB49" s="141"/>
      <c r="AC49" s="354"/>
      <c r="AD49" s="354"/>
      <c r="AE49" s="354"/>
      <c r="AF49" s="354"/>
    </row>
    <row r="50" spans="1:33" ht="18.75" customHeight="1" x14ac:dyDescent="0.15">
      <c r="A50" s="213"/>
      <c r="B50" s="205"/>
      <c r="C50" s="249"/>
      <c r="D50" s="258"/>
      <c r="E50" s="150"/>
      <c r="F50" s="258"/>
      <c r="G50" s="139"/>
      <c r="H50" s="253" t="s">
        <v>215</v>
      </c>
      <c r="I50" s="221" t="s">
        <v>363</v>
      </c>
      <c r="J50" s="184" t="s">
        <v>250</v>
      </c>
      <c r="K50" s="182"/>
      <c r="L50" s="221" t="s">
        <v>363</v>
      </c>
      <c r="M50" s="184" t="s">
        <v>263</v>
      </c>
      <c r="N50" s="184"/>
      <c r="O50" s="239"/>
      <c r="P50" s="239"/>
      <c r="Q50" s="239"/>
      <c r="R50" s="239"/>
      <c r="S50" s="239"/>
      <c r="T50" s="239"/>
      <c r="U50" s="239"/>
      <c r="V50" s="239"/>
      <c r="W50" s="239"/>
      <c r="X50" s="209"/>
      <c r="Y50" s="140"/>
      <c r="Z50" s="138"/>
      <c r="AA50" s="138"/>
      <c r="AB50" s="141"/>
      <c r="AC50" s="354"/>
      <c r="AD50" s="354"/>
      <c r="AE50" s="354"/>
      <c r="AF50" s="354"/>
    </row>
    <row r="51" spans="1:33" ht="18.75" customHeight="1" x14ac:dyDescent="0.15">
      <c r="A51" s="213"/>
      <c r="B51" s="205"/>
      <c r="C51" s="249"/>
      <c r="D51" s="258"/>
      <c r="E51" s="150"/>
      <c r="F51" s="258"/>
      <c r="G51" s="139"/>
      <c r="H51" s="252" t="s">
        <v>131</v>
      </c>
      <c r="I51" s="221" t="s">
        <v>363</v>
      </c>
      <c r="J51" s="184" t="s">
        <v>250</v>
      </c>
      <c r="K51" s="184"/>
      <c r="L51" s="221" t="s">
        <v>363</v>
      </c>
      <c r="M51" s="184" t="s">
        <v>280</v>
      </c>
      <c r="N51" s="184"/>
      <c r="O51" s="221" t="s">
        <v>363</v>
      </c>
      <c r="P51" s="184" t="s">
        <v>268</v>
      </c>
      <c r="Q51" s="184"/>
      <c r="R51" s="221" t="s">
        <v>363</v>
      </c>
      <c r="S51" s="184" t="s">
        <v>281</v>
      </c>
      <c r="T51" s="239"/>
      <c r="U51" s="239"/>
      <c r="V51" s="239"/>
      <c r="W51" s="239"/>
      <c r="X51" s="209"/>
      <c r="Y51" s="140"/>
      <c r="Z51" s="138"/>
      <c r="AA51" s="138"/>
      <c r="AB51" s="141"/>
      <c r="AC51" s="354"/>
      <c r="AD51" s="354"/>
      <c r="AE51" s="354"/>
      <c r="AF51" s="354"/>
    </row>
    <row r="52" spans="1:33" ht="18.75" customHeight="1" x14ac:dyDescent="0.15">
      <c r="A52" s="213"/>
      <c r="B52" s="205"/>
      <c r="C52" s="249"/>
      <c r="D52" s="258"/>
      <c r="E52" s="150"/>
      <c r="F52" s="258"/>
      <c r="G52" s="139"/>
      <c r="H52" s="206" t="s">
        <v>135</v>
      </c>
      <c r="I52" s="221" t="s">
        <v>363</v>
      </c>
      <c r="J52" s="184" t="s">
        <v>250</v>
      </c>
      <c r="K52" s="184"/>
      <c r="L52" s="221" t="s">
        <v>363</v>
      </c>
      <c r="M52" s="184" t="s">
        <v>256</v>
      </c>
      <c r="N52" s="184"/>
      <c r="O52" s="221" t="s">
        <v>363</v>
      </c>
      <c r="P52" s="184" t="s">
        <v>257</v>
      </c>
      <c r="Q52" s="184"/>
      <c r="R52" s="221" t="s">
        <v>363</v>
      </c>
      <c r="S52" s="184" t="s">
        <v>258</v>
      </c>
      <c r="T52" s="166"/>
      <c r="U52" s="166"/>
      <c r="V52" s="166"/>
      <c r="W52" s="166"/>
      <c r="X52" s="211"/>
      <c r="Y52" s="140"/>
      <c r="Z52" s="138"/>
      <c r="AA52" s="138"/>
      <c r="AB52" s="141"/>
      <c r="AC52" s="354"/>
      <c r="AD52" s="354"/>
      <c r="AE52" s="354"/>
      <c r="AF52" s="354"/>
    </row>
    <row r="53" spans="1:33" s="307" customFormat="1" ht="18.75" customHeight="1" x14ac:dyDescent="0.15">
      <c r="A53" s="213"/>
      <c r="B53" s="205"/>
      <c r="C53" s="306"/>
      <c r="D53" s="308"/>
      <c r="E53" s="150"/>
      <c r="F53" s="308"/>
      <c r="G53" s="139"/>
      <c r="H53" s="305" t="s">
        <v>467</v>
      </c>
      <c r="I53" s="304" t="s">
        <v>363</v>
      </c>
      <c r="J53" s="186" t="s">
        <v>464</v>
      </c>
      <c r="K53" s="186"/>
      <c r="L53" s="304" t="s">
        <v>363</v>
      </c>
      <c r="M53" s="186" t="s">
        <v>465</v>
      </c>
      <c r="N53" s="186"/>
      <c r="O53" s="304" t="s">
        <v>363</v>
      </c>
      <c r="P53" s="186" t="s">
        <v>466</v>
      </c>
      <c r="Q53" s="186"/>
      <c r="R53" s="304"/>
      <c r="S53" s="186"/>
      <c r="T53" s="176"/>
      <c r="U53" s="176"/>
      <c r="V53" s="176"/>
      <c r="W53" s="176"/>
      <c r="X53" s="177"/>
      <c r="Y53" s="140"/>
      <c r="Z53" s="138"/>
      <c r="AA53" s="138"/>
      <c r="AB53" s="141"/>
      <c r="AC53" s="355"/>
      <c r="AD53" s="355"/>
      <c r="AE53" s="355"/>
      <c r="AF53" s="355"/>
    </row>
    <row r="54" spans="1:33" ht="18.75" customHeight="1" x14ac:dyDescent="0.15">
      <c r="A54" s="215"/>
      <c r="B54" s="247"/>
      <c r="C54" s="250"/>
      <c r="D54" s="254"/>
      <c r="E54" s="152"/>
      <c r="F54" s="254"/>
      <c r="G54" s="198"/>
      <c r="H54" s="316" t="s">
        <v>468</v>
      </c>
      <c r="I54" s="309" t="s">
        <v>363</v>
      </c>
      <c r="J54" s="310" t="s">
        <v>250</v>
      </c>
      <c r="K54" s="310"/>
      <c r="L54" s="311" t="s">
        <v>363</v>
      </c>
      <c r="M54" s="310" t="s">
        <v>263</v>
      </c>
      <c r="N54" s="310"/>
      <c r="O54" s="310"/>
      <c r="P54" s="310"/>
      <c r="Q54" s="314"/>
      <c r="R54" s="310"/>
      <c r="S54" s="310"/>
      <c r="T54" s="312"/>
      <c r="U54" s="312"/>
      <c r="V54" s="312"/>
      <c r="W54" s="312"/>
      <c r="X54" s="313"/>
      <c r="Y54" s="195"/>
      <c r="Z54" s="196"/>
      <c r="AA54" s="196"/>
      <c r="AB54" s="197"/>
      <c r="AC54" s="356"/>
      <c r="AD54" s="356"/>
      <c r="AE54" s="356"/>
      <c r="AF54" s="356"/>
    </row>
    <row r="55" spans="1:33" ht="18.75" customHeight="1" x14ac:dyDescent="0.15">
      <c r="A55" s="108"/>
      <c r="B55" s="245"/>
      <c r="C55" s="162"/>
      <c r="D55" s="153"/>
      <c r="E55" s="175"/>
      <c r="F55" s="256"/>
      <c r="G55" s="110"/>
      <c r="H55" s="251" t="s">
        <v>111</v>
      </c>
      <c r="I55" s="241" t="s">
        <v>363</v>
      </c>
      <c r="J55" s="188" t="s">
        <v>282</v>
      </c>
      <c r="K55" s="190"/>
      <c r="L55" s="203"/>
      <c r="M55" s="243" t="s">
        <v>363</v>
      </c>
      <c r="N55" s="188" t="s">
        <v>283</v>
      </c>
      <c r="O55" s="237"/>
      <c r="P55" s="237"/>
      <c r="Q55" s="237"/>
      <c r="R55" s="237"/>
      <c r="S55" s="237"/>
      <c r="T55" s="224"/>
      <c r="U55" s="224"/>
      <c r="V55" s="224"/>
      <c r="W55" s="224"/>
      <c r="X55" s="232"/>
      <c r="Y55" s="214" t="s">
        <v>363</v>
      </c>
      <c r="Z55" s="143" t="s">
        <v>249</v>
      </c>
      <c r="AA55" s="143"/>
      <c r="AB55" s="141"/>
      <c r="AC55" s="214" t="s">
        <v>363</v>
      </c>
      <c r="AD55" s="143" t="s">
        <v>249</v>
      </c>
      <c r="AE55" s="143"/>
      <c r="AF55" s="141"/>
      <c r="AG55" s="100"/>
    </row>
    <row r="56" spans="1:33" ht="18.75" customHeight="1" x14ac:dyDescent="0.15">
      <c r="A56" s="213"/>
      <c r="B56" s="205"/>
      <c r="C56" s="163"/>
      <c r="D56" s="170"/>
      <c r="E56" s="150"/>
      <c r="F56" s="258"/>
      <c r="G56" s="139"/>
      <c r="H56" s="252" t="s">
        <v>109</v>
      </c>
      <c r="I56" s="220" t="s">
        <v>363</v>
      </c>
      <c r="J56" s="184" t="s">
        <v>250</v>
      </c>
      <c r="K56" s="184"/>
      <c r="L56" s="212"/>
      <c r="M56" s="221" t="s">
        <v>363</v>
      </c>
      <c r="N56" s="184" t="s">
        <v>271</v>
      </c>
      <c r="O56" s="184"/>
      <c r="P56" s="212"/>
      <c r="Q56" s="221" t="s">
        <v>363</v>
      </c>
      <c r="R56" s="239" t="s">
        <v>272</v>
      </c>
      <c r="S56" s="239"/>
      <c r="T56" s="182"/>
      <c r="U56" s="182"/>
      <c r="V56" s="182"/>
      <c r="W56" s="182"/>
      <c r="X56" s="183"/>
      <c r="Y56" s="214" t="s">
        <v>363</v>
      </c>
      <c r="Z56" s="143" t="s">
        <v>253</v>
      </c>
      <c r="AA56" s="138"/>
      <c r="AB56" s="141"/>
      <c r="AC56" s="214" t="s">
        <v>363</v>
      </c>
      <c r="AD56" s="143" t="s">
        <v>253</v>
      </c>
      <c r="AE56" s="138"/>
      <c r="AF56" s="141"/>
    </row>
    <row r="57" spans="1:33" ht="18.75" customHeight="1" x14ac:dyDescent="0.15">
      <c r="A57" s="213"/>
      <c r="B57" s="205"/>
      <c r="C57" s="163"/>
      <c r="D57" s="170"/>
      <c r="E57" s="150"/>
      <c r="F57" s="258"/>
      <c r="G57" s="139"/>
      <c r="H57" s="252" t="s">
        <v>112</v>
      </c>
      <c r="I57" s="220" t="s">
        <v>363</v>
      </c>
      <c r="J57" s="184" t="s">
        <v>261</v>
      </c>
      <c r="K57" s="182"/>
      <c r="L57" s="212"/>
      <c r="M57" s="221" t="s">
        <v>363</v>
      </c>
      <c r="N57" s="184" t="s">
        <v>262</v>
      </c>
      <c r="O57" s="166"/>
      <c r="P57" s="239"/>
      <c r="Q57" s="239"/>
      <c r="R57" s="239"/>
      <c r="S57" s="239"/>
      <c r="T57" s="182"/>
      <c r="U57" s="182"/>
      <c r="V57" s="182"/>
      <c r="W57" s="182"/>
      <c r="X57" s="183"/>
      <c r="Y57" s="140"/>
      <c r="Z57" s="138"/>
      <c r="AA57" s="138"/>
      <c r="AB57" s="141"/>
      <c r="AC57" s="140"/>
      <c r="AD57" s="138"/>
      <c r="AE57" s="138"/>
      <c r="AF57" s="141"/>
    </row>
    <row r="58" spans="1:33" ht="18.75" customHeight="1" x14ac:dyDescent="0.15">
      <c r="A58" s="213"/>
      <c r="B58" s="205"/>
      <c r="C58" s="163"/>
      <c r="D58" s="170"/>
      <c r="E58" s="150"/>
      <c r="F58" s="258"/>
      <c r="G58" s="139"/>
      <c r="H58" s="359" t="s">
        <v>182</v>
      </c>
      <c r="I58" s="373" t="s">
        <v>363</v>
      </c>
      <c r="J58" s="374" t="s">
        <v>250</v>
      </c>
      <c r="K58" s="374"/>
      <c r="L58" s="375" t="s">
        <v>363</v>
      </c>
      <c r="M58" s="374" t="s">
        <v>263</v>
      </c>
      <c r="N58" s="374"/>
      <c r="O58" s="186"/>
      <c r="P58" s="186"/>
      <c r="Q58" s="186"/>
      <c r="R58" s="186"/>
      <c r="S58" s="186"/>
      <c r="T58" s="186"/>
      <c r="U58" s="186"/>
      <c r="V58" s="186"/>
      <c r="W58" s="186"/>
      <c r="X58" s="187"/>
      <c r="Y58" s="140"/>
      <c r="Z58" s="138"/>
      <c r="AA58" s="138"/>
      <c r="AB58" s="141"/>
      <c r="AC58" s="140"/>
      <c r="AD58" s="138"/>
      <c r="AE58" s="138"/>
      <c r="AF58" s="141"/>
    </row>
    <row r="59" spans="1:33" s="161" customFormat="1" ht="18.75" customHeight="1" x14ac:dyDescent="0.15">
      <c r="A59" s="213"/>
      <c r="B59" s="205"/>
      <c r="C59" s="163"/>
      <c r="D59" s="170"/>
      <c r="E59" s="150"/>
      <c r="F59" s="258"/>
      <c r="G59" s="139"/>
      <c r="H59" s="360"/>
      <c r="I59" s="373"/>
      <c r="J59" s="374"/>
      <c r="K59" s="374"/>
      <c r="L59" s="375"/>
      <c r="M59" s="374"/>
      <c r="N59" s="374"/>
      <c r="O59" s="188"/>
      <c r="P59" s="188"/>
      <c r="Q59" s="188"/>
      <c r="R59" s="188"/>
      <c r="S59" s="188"/>
      <c r="T59" s="188"/>
      <c r="U59" s="188"/>
      <c r="V59" s="188"/>
      <c r="W59" s="188"/>
      <c r="X59" s="189"/>
      <c r="Y59" s="140"/>
      <c r="Z59" s="138"/>
      <c r="AA59" s="138"/>
      <c r="AB59" s="141"/>
      <c r="AC59" s="140"/>
      <c r="AD59" s="138"/>
      <c r="AE59" s="138"/>
      <c r="AF59" s="141"/>
    </row>
    <row r="60" spans="1:33" ht="18.75" customHeight="1" x14ac:dyDescent="0.15">
      <c r="A60" s="213"/>
      <c r="B60" s="205"/>
      <c r="C60" s="163"/>
      <c r="D60" s="170"/>
      <c r="E60" s="150"/>
      <c r="F60" s="258"/>
      <c r="G60" s="139"/>
      <c r="H60" s="252" t="s">
        <v>179</v>
      </c>
      <c r="I60" s="220" t="s">
        <v>363</v>
      </c>
      <c r="J60" s="184" t="s">
        <v>250</v>
      </c>
      <c r="K60" s="182"/>
      <c r="L60" s="221" t="s">
        <v>363</v>
      </c>
      <c r="M60" s="184" t="s">
        <v>263</v>
      </c>
      <c r="N60" s="239"/>
      <c r="O60" s="166"/>
      <c r="P60" s="166"/>
      <c r="Q60" s="166"/>
      <c r="R60" s="166"/>
      <c r="S60" s="166"/>
      <c r="T60" s="166"/>
      <c r="U60" s="166"/>
      <c r="V60" s="166"/>
      <c r="W60" s="166"/>
      <c r="X60" s="211"/>
      <c r="Y60" s="140"/>
      <c r="Z60" s="138"/>
      <c r="AA60" s="138"/>
      <c r="AB60" s="141"/>
      <c r="AC60" s="140"/>
      <c r="AD60" s="138"/>
      <c r="AE60" s="138"/>
      <c r="AF60" s="141"/>
    </row>
    <row r="61" spans="1:33" ht="18.75" customHeight="1" x14ac:dyDescent="0.15">
      <c r="A61" s="213"/>
      <c r="B61" s="205"/>
      <c r="C61" s="163"/>
      <c r="D61" s="170"/>
      <c r="E61" s="150"/>
      <c r="F61" s="258"/>
      <c r="G61" s="139"/>
      <c r="H61" s="252" t="s">
        <v>177</v>
      </c>
      <c r="I61" s="220" t="s">
        <v>363</v>
      </c>
      <c r="J61" s="184" t="s">
        <v>250</v>
      </c>
      <c r="K61" s="184"/>
      <c r="L61" s="221" t="s">
        <v>363</v>
      </c>
      <c r="M61" s="184" t="s">
        <v>264</v>
      </c>
      <c r="N61" s="184"/>
      <c r="O61" s="221" t="s">
        <v>363</v>
      </c>
      <c r="P61" s="184" t="s">
        <v>265</v>
      </c>
      <c r="Q61" s="239"/>
      <c r="R61" s="239"/>
      <c r="S61" s="239"/>
      <c r="T61" s="239"/>
      <c r="U61" s="239"/>
      <c r="V61" s="239"/>
      <c r="W61" s="239"/>
      <c r="X61" s="209"/>
      <c r="Y61" s="140"/>
      <c r="Z61" s="138"/>
      <c r="AA61" s="138"/>
      <c r="AB61" s="141"/>
      <c r="AC61" s="140"/>
      <c r="AD61" s="138"/>
      <c r="AE61" s="138"/>
      <c r="AF61" s="141"/>
    </row>
    <row r="62" spans="1:33" ht="18.75" customHeight="1" x14ac:dyDescent="0.15">
      <c r="A62" s="213"/>
      <c r="B62" s="205"/>
      <c r="C62" s="163"/>
      <c r="D62" s="170"/>
      <c r="E62" s="150"/>
      <c r="F62" s="258"/>
      <c r="G62" s="139"/>
      <c r="H62" s="252" t="s">
        <v>113</v>
      </c>
      <c r="I62" s="220" t="s">
        <v>363</v>
      </c>
      <c r="J62" s="184" t="s">
        <v>250</v>
      </c>
      <c r="K62" s="182"/>
      <c r="L62" s="221" t="s">
        <v>363</v>
      </c>
      <c r="M62" s="184" t="s">
        <v>263</v>
      </c>
      <c r="N62" s="239"/>
      <c r="O62" s="166"/>
      <c r="P62" s="166"/>
      <c r="Q62" s="166"/>
      <c r="R62" s="166"/>
      <c r="S62" s="166"/>
      <c r="T62" s="166"/>
      <c r="U62" s="166"/>
      <c r="V62" s="166"/>
      <c r="W62" s="166"/>
      <c r="X62" s="211"/>
      <c r="Y62" s="140"/>
      <c r="Z62" s="138"/>
      <c r="AA62" s="138"/>
      <c r="AB62" s="141"/>
      <c r="AC62" s="140"/>
      <c r="AD62" s="138"/>
      <c r="AE62" s="138"/>
      <c r="AF62" s="141"/>
    </row>
    <row r="63" spans="1:33" ht="18.75" customHeight="1" x14ac:dyDescent="0.15">
      <c r="A63" s="213"/>
      <c r="B63" s="205"/>
      <c r="C63" s="163"/>
      <c r="D63" s="170"/>
      <c r="E63" s="150"/>
      <c r="F63" s="258"/>
      <c r="G63" s="139"/>
      <c r="H63" s="252" t="s">
        <v>143</v>
      </c>
      <c r="I63" s="220" t="s">
        <v>363</v>
      </c>
      <c r="J63" s="184" t="s">
        <v>250</v>
      </c>
      <c r="K63" s="182"/>
      <c r="L63" s="221" t="s">
        <v>363</v>
      </c>
      <c r="M63" s="184" t="s">
        <v>263</v>
      </c>
      <c r="N63" s="239"/>
      <c r="O63" s="166"/>
      <c r="P63" s="166"/>
      <c r="Q63" s="166"/>
      <c r="R63" s="166"/>
      <c r="S63" s="166"/>
      <c r="T63" s="166"/>
      <c r="U63" s="166"/>
      <c r="V63" s="166"/>
      <c r="W63" s="166"/>
      <c r="X63" s="211"/>
      <c r="Y63" s="140"/>
      <c r="Z63" s="138"/>
      <c r="AA63" s="138"/>
      <c r="AB63" s="141"/>
      <c r="AC63" s="140"/>
      <c r="AD63" s="138"/>
      <c r="AE63" s="138"/>
      <c r="AF63" s="141"/>
    </row>
    <row r="64" spans="1:33" ht="18.75" customHeight="1" x14ac:dyDescent="0.15">
      <c r="A64" s="213"/>
      <c r="B64" s="205"/>
      <c r="C64" s="163"/>
      <c r="D64" s="214" t="s">
        <v>363</v>
      </c>
      <c r="E64" s="150" t="s">
        <v>287</v>
      </c>
      <c r="F64" s="258"/>
      <c r="G64" s="139"/>
      <c r="H64" s="252" t="s">
        <v>133</v>
      </c>
      <c r="I64" s="220" t="s">
        <v>363</v>
      </c>
      <c r="J64" s="184" t="s">
        <v>250</v>
      </c>
      <c r="K64" s="182"/>
      <c r="L64" s="221" t="s">
        <v>363</v>
      </c>
      <c r="M64" s="184" t="s">
        <v>263</v>
      </c>
      <c r="N64" s="239"/>
      <c r="O64" s="182"/>
      <c r="P64" s="182"/>
      <c r="Q64" s="182"/>
      <c r="R64" s="182"/>
      <c r="S64" s="182"/>
      <c r="T64" s="182"/>
      <c r="U64" s="182"/>
      <c r="V64" s="182"/>
      <c r="W64" s="182"/>
      <c r="X64" s="183"/>
      <c r="Y64" s="140"/>
      <c r="Z64" s="138"/>
      <c r="AA64" s="138"/>
      <c r="AB64" s="141"/>
      <c r="AC64" s="140"/>
      <c r="AD64" s="138"/>
      <c r="AE64" s="138"/>
      <c r="AF64" s="141"/>
    </row>
    <row r="65" spans="1:33" ht="18.75" customHeight="1" x14ac:dyDescent="0.15">
      <c r="A65" s="230" t="s">
        <v>363</v>
      </c>
      <c r="B65" s="205">
        <v>24</v>
      </c>
      <c r="C65" s="163" t="s">
        <v>83</v>
      </c>
      <c r="D65" s="214" t="s">
        <v>363</v>
      </c>
      <c r="E65" s="150" t="s">
        <v>288</v>
      </c>
      <c r="F65" s="258"/>
      <c r="G65" s="139"/>
      <c r="H65" s="252" t="s">
        <v>110</v>
      </c>
      <c r="I65" s="220" t="s">
        <v>363</v>
      </c>
      <c r="J65" s="184" t="s">
        <v>261</v>
      </c>
      <c r="K65" s="182"/>
      <c r="L65" s="212"/>
      <c r="M65" s="221" t="s">
        <v>363</v>
      </c>
      <c r="N65" s="184" t="s">
        <v>262</v>
      </c>
      <c r="O65" s="166"/>
      <c r="P65" s="182"/>
      <c r="Q65" s="182"/>
      <c r="R65" s="182"/>
      <c r="S65" s="182"/>
      <c r="T65" s="182"/>
      <c r="U65" s="182"/>
      <c r="V65" s="182"/>
      <c r="W65" s="182"/>
      <c r="X65" s="183"/>
      <c r="Y65" s="140"/>
      <c r="Z65" s="138"/>
      <c r="AA65" s="138"/>
      <c r="AB65" s="141"/>
      <c r="AC65" s="140"/>
      <c r="AD65" s="138"/>
      <c r="AE65" s="138"/>
      <c r="AF65" s="141"/>
    </row>
    <row r="66" spans="1:33" ht="18.75" customHeight="1" x14ac:dyDescent="0.15">
      <c r="A66" s="213"/>
      <c r="B66" s="205"/>
      <c r="C66" s="163"/>
      <c r="D66" s="214" t="s">
        <v>363</v>
      </c>
      <c r="E66" s="150" t="s">
        <v>289</v>
      </c>
      <c r="F66" s="258"/>
      <c r="G66" s="139"/>
      <c r="H66" s="252" t="s">
        <v>126</v>
      </c>
      <c r="I66" s="220" t="s">
        <v>363</v>
      </c>
      <c r="J66" s="184" t="s">
        <v>250</v>
      </c>
      <c r="K66" s="182"/>
      <c r="L66" s="221" t="s">
        <v>363</v>
      </c>
      <c r="M66" s="184" t="s">
        <v>263</v>
      </c>
      <c r="N66" s="239"/>
      <c r="O66" s="182"/>
      <c r="P66" s="182"/>
      <c r="Q66" s="182"/>
      <c r="R66" s="182"/>
      <c r="S66" s="182"/>
      <c r="T66" s="182"/>
      <c r="U66" s="182"/>
      <c r="V66" s="182"/>
      <c r="W66" s="182"/>
      <c r="X66" s="183"/>
      <c r="Y66" s="140"/>
      <c r="Z66" s="138"/>
      <c r="AA66" s="138"/>
      <c r="AB66" s="141"/>
      <c r="AC66" s="140"/>
      <c r="AD66" s="138"/>
      <c r="AE66" s="138"/>
      <c r="AF66" s="141"/>
    </row>
    <row r="67" spans="1:33" ht="18.75" customHeight="1" x14ac:dyDescent="0.15">
      <c r="A67" s="213"/>
      <c r="B67" s="205"/>
      <c r="C67" s="163"/>
      <c r="D67" s="214" t="s">
        <v>363</v>
      </c>
      <c r="E67" s="150" t="s">
        <v>290</v>
      </c>
      <c r="F67" s="258"/>
      <c r="G67" s="139"/>
      <c r="H67" s="208" t="s">
        <v>129</v>
      </c>
      <c r="I67" s="220" t="s">
        <v>363</v>
      </c>
      <c r="J67" s="184" t="s">
        <v>250</v>
      </c>
      <c r="K67" s="184"/>
      <c r="L67" s="221" t="s">
        <v>363</v>
      </c>
      <c r="M67" s="184" t="s">
        <v>251</v>
      </c>
      <c r="N67" s="184"/>
      <c r="O67" s="221" t="s">
        <v>363</v>
      </c>
      <c r="P67" s="184" t="s">
        <v>252</v>
      </c>
      <c r="Q67" s="166"/>
      <c r="R67" s="166"/>
      <c r="S67" s="166"/>
      <c r="T67" s="166"/>
      <c r="U67" s="166"/>
      <c r="V67" s="166"/>
      <c r="W67" s="166"/>
      <c r="X67" s="211"/>
      <c r="Y67" s="140"/>
      <c r="Z67" s="138"/>
      <c r="AA67" s="138"/>
      <c r="AB67" s="141"/>
      <c r="AC67" s="140"/>
      <c r="AD67" s="138"/>
      <c r="AE67" s="138"/>
      <c r="AF67" s="141"/>
    </row>
    <row r="68" spans="1:33" ht="18.75" customHeight="1" x14ac:dyDescent="0.15">
      <c r="A68" s="213"/>
      <c r="B68" s="205"/>
      <c r="C68" s="163"/>
      <c r="D68" s="170"/>
      <c r="E68" s="150"/>
      <c r="F68" s="258"/>
      <c r="G68" s="139"/>
      <c r="H68" s="359" t="s">
        <v>230</v>
      </c>
      <c r="I68" s="373" t="s">
        <v>363</v>
      </c>
      <c r="J68" s="374" t="s">
        <v>250</v>
      </c>
      <c r="K68" s="374"/>
      <c r="L68" s="375" t="s">
        <v>363</v>
      </c>
      <c r="M68" s="374" t="s">
        <v>284</v>
      </c>
      <c r="N68" s="374"/>
      <c r="O68" s="375" t="s">
        <v>363</v>
      </c>
      <c r="P68" s="374" t="s">
        <v>285</v>
      </c>
      <c r="Q68" s="374"/>
      <c r="R68" s="375" t="s">
        <v>363</v>
      </c>
      <c r="S68" s="374" t="s">
        <v>286</v>
      </c>
      <c r="T68" s="374"/>
      <c r="U68" s="186"/>
      <c r="V68" s="186"/>
      <c r="W68" s="186"/>
      <c r="X68" s="187"/>
      <c r="Y68" s="140"/>
      <c r="Z68" s="138"/>
      <c r="AA68" s="138"/>
      <c r="AB68" s="141"/>
      <c r="AC68" s="140"/>
      <c r="AD68" s="138"/>
      <c r="AE68" s="138"/>
      <c r="AF68" s="141"/>
    </row>
    <row r="69" spans="1:33" s="161" customFormat="1" ht="18.75" customHeight="1" x14ac:dyDescent="0.15">
      <c r="A69" s="213"/>
      <c r="B69" s="205"/>
      <c r="C69" s="163"/>
      <c r="D69" s="170"/>
      <c r="E69" s="150"/>
      <c r="F69" s="258"/>
      <c r="G69" s="139"/>
      <c r="H69" s="360"/>
      <c r="I69" s="373"/>
      <c r="J69" s="374"/>
      <c r="K69" s="374"/>
      <c r="L69" s="375"/>
      <c r="M69" s="374"/>
      <c r="N69" s="374"/>
      <c r="O69" s="375"/>
      <c r="P69" s="374"/>
      <c r="Q69" s="374"/>
      <c r="R69" s="375"/>
      <c r="S69" s="374"/>
      <c r="T69" s="374"/>
      <c r="U69" s="188"/>
      <c r="V69" s="188"/>
      <c r="W69" s="188"/>
      <c r="X69" s="189"/>
      <c r="Y69" s="140"/>
      <c r="Z69" s="138"/>
      <c r="AA69" s="138"/>
      <c r="AB69" s="141"/>
      <c r="AC69" s="140"/>
      <c r="AD69" s="138"/>
      <c r="AE69" s="138"/>
      <c r="AF69" s="141"/>
    </row>
    <row r="70" spans="1:33" ht="18.75" customHeight="1" x14ac:dyDescent="0.15">
      <c r="A70" s="213"/>
      <c r="B70" s="205"/>
      <c r="C70" s="163"/>
      <c r="D70" s="170"/>
      <c r="E70" s="150"/>
      <c r="F70" s="258"/>
      <c r="G70" s="139"/>
      <c r="H70" s="359" t="s">
        <v>233</v>
      </c>
      <c r="I70" s="373" t="s">
        <v>363</v>
      </c>
      <c r="J70" s="374" t="s">
        <v>250</v>
      </c>
      <c r="K70" s="374"/>
      <c r="L70" s="375" t="s">
        <v>363</v>
      </c>
      <c r="M70" s="374" t="s">
        <v>284</v>
      </c>
      <c r="N70" s="374"/>
      <c r="O70" s="375" t="s">
        <v>363</v>
      </c>
      <c r="P70" s="374" t="s">
        <v>285</v>
      </c>
      <c r="Q70" s="374"/>
      <c r="R70" s="375" t="s">
        <v>363</v>
      </c>
      <c r="S70" s="374" t="s">
        <v>286</v>
      </c>
      <c r="T70" s="374"/>
      <c r="U70" s="186"/>
      <c r="V70" s="186"/>
      <c r="W70" s="186"/>
      <c r="X70" s="187"/>
      <c r="Y70" s="140"/>
      <c r="Z70" s="138"/>
      <c r="AA70" s="138"/>
      <c r="AB70" s="141"/>
      <c r="AC70" s="140"/>
      <c r="AD70" s="138"/>
      <c r="AE70" s="138"/>
      <c r="AF70" s="141"/>
    </row>
    <row r="71" spans="1:33" s="161" customFormat="1" ht="18.75" customHeight="1" x14ac:dyDescent="0.15">
      <c r="A71" s="213"/>
      <c r="B71" s="205"/>
      <c r="C71" s="163"/>
      <c r="D71" s="170"/>
      <c r="E71" s="150"/>
      <c r="F71" s="258"/>
      <c r="G71" s="139"/>
      <c r="H71" s="360"/>
      <c r="I71" s="373"/>
      <c r="J71" s="374"/>
      <c r="K71" s="374"/>
      <c r="L71" s="375"/>
      <c r="M71" s="374"/>
      <c r="N71" s="374"/>
      <c r="O71" s="375"/>
      <c r="P71" s="374"/>
      <c r="Q71" s="374"/>
      <c r="R71" s="375"/>
      <c r="S71" s="374"/>
      <c r="T71" s="374"/>
      <c r="U71" s="188"/>
      <c r="V71" s="188"/>
      <c r="W71" s="188"/>
      <c r="X71" s="189"/>
      <c r="Y71" s="140"/>
      <c r="Z71" s="138"/>
      <c r="AA71" s="138"/>
      <c r="AB71" s="141"/>
      <c r="AC71" s="140"/>
      <c r="AD71" s="138"/>
      <c r="AE71" s="138"/>
      <c r="AF71" s="141"/>
    </row>
    <row r="72" spans="1:33" ht="18.75" customHeight="1" x14ac:dyDescent="0.15">
      <c r="A72" s="213"/>
      <c r="B72" s="205"/>
      <c r="C72" s="163"/>
      <c r="D72" s="170"/>
      <c r="E72" s="150"/>
      <c r="F72" s="258"/>
      <c r="G72" s="139"/>
      <c r="H72" s="359" t="s">
        <v>224</v>
      </c>
      <c r="I72" s="373" t="s">
        <v>363</v>
      </c>
      <c r="J72" s="374" t="s">
        <v>250</v>
      </c>
      <c r="K72" s="374"/>
      <c r="L72" s="375" t="s">
        <v>363</v>
      </c>
      <c r="M72" s="374" t="s">
        <v>263</v>
      </c>
      <c r="N72" s="374"/>
      <c r="O72" s="186"/>
      <c r="P72" s="186"/>
      <c r="Q72" s="186"/>
      <c r="R72" s="186"/>
      <c r="S72" s="186"/>
      <c r="T72" s="186"/>
      <c r="U72" s="186"/>
      <c r="V72" s="186"/>
      <c r="W72" s="186"/>
      <c r="X72" s="187"/>
      <c r="Y72" s="140"/>
      <c r="Z72" s="138"/>
      <c r="AA72" s="138"/>
      <c r="AB72" s="141"/>
      <c r="AC72" s="140"/>
      <c r="AD72" s="138"/>
      <c r="AE72" s="138"/>
      <c r="AF72" s="141"/>
    </row>
    <row r="73" spans="1:33" s="161" customFormat="1" ht="18.75" customHeight="1" x14ac:dyDescent="0.15">
      <c r="A73" s="213"/>
      <c r="B73" s="205"/>
      <c r="C73" s="163"/>
      <c r="D73" s="170"/>
      <c r="E73" s="150"/>
      <c r="F73" s="258"/>
      <c r="G73" s="139"/>
      <c r="H73" s="360"/>
      <c r="I73" s="373"/>
      <c r="J73" s="374"/>
      <c r="K73" s="374"/>
      <c r="L73" s="375"/>
      <c r="M73" s="374"/>
      <c r="N73" s="374"/>
      <c r="O73" s="188"/>
      <c r="P73" s="188"/>
      <c r="Q73" s="188"/>
      <c r="R73" s="188"/>
      <c r="S73" s="188"/>
      <c r="T73" s="188"/>
      <c r="U73" s="188"/>
      <c r="V73" s="188"/>
      <c r="W73" s="188"/>
      <c r="X73" s="189"/>
      <c r="Y73" s="140"/>
      <c r="Z73" s="138"/>
      <c r="AA73" s="138"/>
      <c r="AB73" s="141"/>
      <c r="AC73" s="140"/>
      <c r="AD73" s="138"/>
      <c r="AE73" s="138"/>
      <c r="AF73" s="141"/>
    </row>
    <row r="74" spans="1:33" ht="18.75" customHeight="1" x14ac:dyDescent="0.15">
      <c r="A74" s="213"/>
      <c r="B74" s="205"/>
      <c r="C74" s="163"/>
      <c r="D74" s="170"/>
      <c r="E74" s="150"/>
      <c r="F74" s="258"/>
      <c r="G74" s="139"/>
      <c r="H74" s="206" t="s">
        <v>135</v>
      </c>
      <c r="I74" s="220" t="s">
        <v>363</v>
      </c>
      <c r="J74" s="184" t="s">
        <v>250</v>
      </c>
      <c r="K74" s="184"/>
      <c r="L74" s="221" t="s">
        <v>363</v>
      </c>
      <c r="M74" s="184" t="s">
        <v>256</v>
      </c>
      <c r="N74" s="184"/>
      <c r="O74" s="221" t="s">
        <v>363</v>
      </c>
      <c r="P74" s="184" t="s">
        <v>257</v>
      </c>
      <c r="Q74" s="166"/>
      <c r="R74" s="221" t="s">
        <v>363</v>
      </c>
      <c r="S74" s="184" t="s">
        <v>258</v>
      </c>
      <c r="T74" s="166"/>
      <c r="U74" s="166"/>
      <c r="V74" s="166"/>
      <c r="W74" s="166"/>
      <c r="X74" s="211"/>
      <c r="Y74" s="140"/>
      <c r="Z74" s="138"/>
      <c r="AA74" s="138"/>
      <c r="AB74" s="141"/>
      <c r="AC74" s="140"/>
      <c r="AD74" s="138"/>
      <c r="AE74" s="138"/>
      <c r="AF74" s="141"/>
    </row>
    <row r="75" spans="1:33" s="307" customFormat="1" ht="18.75" customHeight="1" x14ac:dyDescent="0.15">
      <c r="A75" s="213"/>
      <c r="B75" s="205"/>
      <c r="C75" s="163"/>
      <c r="D75" s="170"/>
      <c r="E75" s="150"/>
      <c r="F75" s="308"/>
      <c r="G75" s="139"/>
      <c r="H75" s="305" t="s">
        <v>467</v>
      </c>
      <c r="I75" s="302" t="s">
        <v>363</v>
      </c>
      <c r="J75" s="186" t="s">
        <v>464</v>
      </c>
      <c r="K75" s="186"/>
      <c r="L75" s="304" t="s">
        <v>363</v>
      </c>
      <c r="M75" s="186" t="s">
        <v>465</v>
      </c>
      <c r="N75" s="186"/>
      <c r="O75" s="304" t="s">
        <v>363</v>
      </c>
      <c r="P75" s="186" t="s">
        <v>466</v>
      </c>
      <c r="Q75" s="176"/>
      <c r="R75" s="304"/>
      <c r="S75" s="186"/>
      <c r="T75" s="176"/>
      <c r="U75" s="176"/>
      <c r="V75" s="176"/>
      <c r="W75" s="176"/>
      <c r="X75" s="177"/>
      <c r="Y75" s="140"/>
      <c r="Z75" s="138"/>
      <c r="AA75" s="138"/>
      <c r="AB75" s="141"/>
      <c r="AC75" s="140"/>
      <c r="AD75" s="138"/>
      <c r="AE75" s="138"/>
      <c r="AF75" s="141"/>
    </row>
    <row r="76" spans="1:33" ht="18.75" customHeight="1" x14ac:dyDescent="0.15">
      <c r="A76" s="215"/>
      <c r="B76" s="247"/>
      <c r="C76" s="164"/>
      <c r="D76" s="156"/>
      <c r="E76" s="152"/>
      <c r="F76" s="254"/>
      <c r="G76" s="317"/>
      <c r="H76" s="316" t="s">
        <v>468</v>
      </c>
      <c r="I76" s="309" t="s">
        <v>363</v>
      </c>
      <c r="J76" s="310" t="s">
        <v>250</v>
      </c>
      <c r="K76" s="310"/>
      <c r="L76" s="311" t="s">
        <v>363</v>
      </c>
      <c r="M76" s="310" t="s">
        <v>263</v>
      </c>
      <c r="N76" s="310"/>
      <c r="O76" s="310"/>
      <c r="P76" s="310"/>
      <c r="Q76" s="312"/>
      <c r="R76" s="312"/>
      <c r="S76" s="312"/>
      <c r="T76" s="312"/>
      <c r="U76" s="312"/>
      <c r="V76" s="312"/>
      <c r="W76" s="312"/>
      <c r="X76" s="313"/>
      <c r="Y76" s="195"/>
      <c r="Z76" s="196"/>
      <c r="AA76" s="196"/>
      <c r="AB76" s="197"/>
      <c r="AC76" s="195"/>
      <c r="AD76" s="196"/>
      <c r="AE76" s="196"/>
      <c r="AF76" s="197"/>
    </row>
    <row r="77" spans="1:33" ht="18.75" customHeight="1" x14ac:dyDescent="0.15">
      <c r="A77" s="108"/>
      <c r="B77" s="245"/>
      <c r="C77" s="162"/>
      <c r="D77" s="153"/>
      <c r="E77" s="175"/>
      <c r="F77" s="256"/>
      <c r="G77" s="318"/>
      <c r="H77" s="319" t="s">
        <v>111</v>
      </c>
      <c r="I77" s="320" t="s">
        <v>363</v>
      </c>
      <c r="J77" s="321" t="s">
        <v>282</v>
      </c>
      <c r="K77" s="322"/>
      <c r="L77" s="323"/>
      <c r="M77" s="324" t="s">
        <v>363</v>
      </c>
      <c r="N77" s="321" t="s">
        <v>283</v>
      </c>
      <c r="O77" s="325"/>
      <c r="P77" s="322"/>
      <c r="Q77" s="322"/>
      <c r="R77" s="322"/>
      <c r="S77" s="322"/>
      <c r="T77" s="322"/>
      <c r="U77" s="322"/>
      <c r="V77" s="322"/>
      <c r="W77" s="322"/>
      <c r="X77" s="326"/>
      <c r="Y77" s="229" t="s">
        <v>363</v>
      </c>
      <c r="Z77" s="109" t="s">
        <v>249</v>
      </c>
      <c r="AA77" s="109"/>
      <c r="AB77" s="194"/>
      <c r="AC77" s="352"/>
      <c r="AD77" s="352"/>
      <c r="AE77" s="352"/>
      <c r="AF77" s="352"/>
      <c r="AG77" s="100"/>
    </row>
    <row r="78" spans="1:33" ht="18.75" customHeight="1" x14ac:dyDescent="0.15">
      <c r="A78" s="213"/>
      <c r="B78" s="205"/>
      <c r="C78" s="163"/>
      <c r="D78" s="170"/>
      <c r="E78" s="150"/>
      <c r="F78" s="258"/>
      <c r="G78" s="150"/>
      <c r="H78" s="357" t="s">
        <v>109</v>
      </c>
      <c r="I78" s="214" t="s">
        <v>363</v>
      </c>
      <c r="J78" s="143" t="s">
        <v>250</v>
      </c>
      <c r="K78" s="143"/>
      <c r="L78" s="259"/>
      <c r="M78" s="214" t="s">
        <v>363</v>
      </c>
      <c r="N78" s="143" t="s">
        <v>274</v>
      </c>
      <c r="O78" s="143"/>
      <c r="P78" s="259"/>
      <c r="Q78" s="214" t="s">
        <v>363</v>
      </c>
      <c r="R78" s="236" t="s">
        <v>275</v>
      </c>
      <c r="S78" s="236"/>
      <c r="T78" s="236"/>
      <c r="U78" s="214" t="s">
        <v>363</v>
      </c>
      <c r="V78" s="236" t="s">
        <v>276</v>
      </c>
      <c r="W78" s="236"/>
      <c r="X78" s="172"/>
      <c r="Y78" s="214" t="s">
        <v>363</v>
      </c>
      <c r="Z78" s="143" t="s">
        <v>253</v>
      </c>
      <c r="AA78" s="138"/>
      <c r="AB78" s="141"/>
      <c r="AC78" s="354"/>
      <c r="AD78" s="354"/>
      <c r="AE78" s="354"/>
      <c r="AF78" s="354"/>
    </row>
    <row r="79" spans="1:33" s="161" customFormat="1" ht="18.75" customHeight="1" x14ac:dyDescent="0.15">
      <c r="A79" s="213"/>
      <c r="B79" s="205"/>
      <c r="C79" s="163"/>
      <c r="D79" s="170"/>
      <c r="E79" s="150"/>
      <c r="F79" s="258"/>
      <c r="G79" s="150"/>
      <c r="H79" s="358"/>
      <c r="I79" s="241" t="s">
        <v>363</v>
      </c>
      <c r="J79" s="188" t="s">
        <v>277</v>
      </c>
      <c r="K79" s="237"/>
      <c r="L79" s="237"/>
      <c r="M79" s="243" t="s">
        <v>363</v>
      </c>
      <c r="N79" s="188" t="s">
        <v>278</v>
      </c>
      <c r="O79" s="237"/>
      <c r="P79" s="237"/>
      <c r="Q79" s="243" t="s">
        <v>363</v>
      </c>
      <c r="R79" s="188" t="s">
        <v>279</v>
      </c>
      <c r="S79" s="237"/>
      <c r="T79" s="237"/>
      <c r="U79" s="237"/>
      <c r="V79" s="237"/>
      <c r="W79" s="237"/>
      <c r="X79" s="204"/>
      <c r="Y79" s="140"/>
      <c r="Z79" s="138"/>
      <c r="AA79" s="138"/>
      <c r="AB79" s="141"/>
      <c r="AC79" s="354"/>
      <c r="AD79" s="354"/>
      <c r="AE79" s="354"/>
      <c r="AF79" s="354"/>
    </row>
    <row r="80" spans="1:33" ht="18.75" customHeight="1" x14ac:dyDescent="0.15">
      <c r="A80" s="213"/>
      <c r="B80" s="205"/>
      <c r="C80" s="163"/>
      <c r="D80" s="170"/>
      <c r="E80" s="150"/>
      <c r="F80" s="258"/>
      <c r="G80" s="150"/>
      <c r="H80" s="252" t="s">
        <v>112</v>
      </c>
      <c r="I80" s="220" t="s">
        <v>363</v>
      </c>
      <c r="J80" s="184" t="s">
        <v>261</v>
      </c>
      <c r="K80" s="182"/>
      <c r="L80" s="212"/>
      <c r="M80" s="221" t="s">
        <v>363</v>
      </c>
      <c r="N80" s="184" t="s">
        <v>262</v>
      </c>
      <c r="O80" s="166"/>
      <c r="P80" s="182"/>
      <c r="Q80" s="182"/>
      <c r="R80" s="182"/>
      <c r="S80" s="182"/>
      <c r="T80" s="182"/>
      <c r="U80" s="182"/>
      <c r="V80" s="182"/>
      <c r="W80" s="182"/>
      <c r="X80" s="183"/>
      <c r="Y80" s="140"/>
      <c r="Z80" s="138"/>
      <c r="AA80" s="138"/>
      <c r="AB80" s="141"/>
      <c r="AC80" s="354"/>
      <c r="AD80" s="354"/>
      <c r="AE80" s="354"/>
      <c r="AF80" s="354"/>
    </row>
    <row r="81" spans="1:32" ht="18.75" customHeight="1" x14ac:dyDescent="0.15">
      <c r="A81" s="213"/>
      <c r="B81" s="205"/>
      <c r="C81" s="163"/>
      <c r="D81" s="170"/>
      <c r="E81" s="150"/>
      <c r="F81" s="258"/>
      <c r="G81" s="150"/>
      <c r="H81" s="252" t="s">
        <v>125</v>
      </c>
      <c r="I81" s="220" t="s">
        <v>363</v>
      </c>
      <c r="J81" s="184" t="s">
        <v>250</v>
      </c>
      <c r="K81" s="182"/>
      <c r="L81" s="221" t="s">
        <v>363</v>
      </c>
      <c r="M81" s="184" t="s">
        <v>263</v>
      </c>
      <c r="N81" s="239"/>
      <c r="O81" s="182"/>
      <c r="P81" s="182"/>
      <c r="Q81" s="182"/>
      <c r="R81" s="182"/>
      <c r="S81" s="182"/>
      <c r="T81" s="182"/>
      <c r="U81" s="182"/>
      <c r="V81" s="182"/>
      <c r="W81" s="182"/>
      <c r="X81" s="183"/>
      <c r="Y81" s="140"/>
      <c r="Z81" s="138"/>
      <c r="AA81" s="138"/>
      <c r="AB81" s="141"/>
      <c r="AC81" s="354"/>
      <c r="AD81" s="354"/>
      <c r="AE81" s="354"/>
      <c r="AF81" s="354"/>
    </row>
    <row r="82" spans="1:32" ht="18.75" customHeight="1" x14ac:dyDescent="0.15">
      <c r="A82" s="213"/>
      <c r="B82" s="205"/>
      <c r="C82" s="163"/>
      <c r="D82" s="170"/>
      <c r="E82" s="150"/>
      <c r="F82" s="258"/>
      <c r="G82" s="150"/>
      <c r="H82" s="252" t="s">
        <v>133</v>
      </c>
      <c r="I82" s="220" t="s">
        <v>363</v>
      </c>
      <c r="J82" s="184" t="s">
        <v>250</v>
      </c>
      <c r="K82" s="182"/>
      <c r="L82" s="221" t="s">
        <v>363</v>
      </c>
      <c r="M82" s="184" t="s">
        <v>263</v>
      </c>
      <c r="N82" s="239"/>
      <c r="O82" s="182"/>
      <c r="P82" s="182"/>
      <c r="Q82" s="182"/>
      <c r="R82" s="182"/>
      <c r="S82" s="182"/>
      <c r="T82" s="182"/>
      <c r="U82" s="182"/>
      <c r="V82" s="182"/>
      <c r="W82" s="182"/>
      <c r="X82" s="183"/>
      <c r="Y82" s="140"/>
      <c r="Z82" s="138"/>
      <c r="AA82" s="138"/>
      <c r="AB82" s="141"/>
      <c r="AC82" s="354"/>
      <c r="AD82" s="354"/>
      <c r="AE82" s="354"/>
      <c r="AF82" s="354"/>
    </row>
    <row r="83" spans="1:32" ht="18.75" customHeight="1" x14ac:dyDescent="0.15">
      <c r="A83" s="213"/>
      <c r="B83" s="205"/>
      <c r="C83" s="163"/>
      <c r="D83" s="230" t="s">
        <v>363</v>
      </c>
      <c r="E83" s="150" t="s">
        <v>293</v>
      </c>
      <c r="F83" s="230" t="s">
        <v>363</v>
      </c>
      <c r="G83" s="150" t="s">
        <v>291</v>
      </c>
      <c r="H83" s="252" t="s">
        <v>220</v>
      </c>
      <c r="I83" s="220" t="s">
        <v>363</v>
      </c>
      <c r="J83" s="184" t="s">
        <v>250</v>
      </c>
      <c r="K83" s="184"/>
      <c r="L83" s="221" t="s">
        <v>363</v>
      </c>
      <c r="M83" s="184" t="s">
        <v>251</v>
      </c>
      <c r="N83" s="184"/>
      <c r="O83" s="221" t="s">
        <v>363</v>
      </c>
      <c r="P83" s="184" t="s">
        <v>252</v>
      </c>
      <c r="Q83" s="166"/>
      <c r="R83" s="184"/>
      <c r="S83" s="184"/>
      <c r="T83" s="184"/>
      <c r="U83" s="184"/>
      <c r="V83" s="184"/>
      <c r="W83" s="184"/>
      <c r="X83" s="185"/>
      <c r="Y83" s="140"/>
      <c r="Z83" s="138"/>
      <c r="AA83" s="138"/>
      <c r="AB83" s="141"/>
      <c r="AC83" s="354"/>
      <c r="AD83" s="354"/>
      <c r="AE83" s="354"/>
      <c r="AF83" s="354"/>
    </row>
    <row r="84" spans="1:32" ht="18.75" customHeight="1" x14ac:dyDescent="0.15">
      <c r="A84" s="213"/>
      <c r="B84" s="205"/>
      <c r="C84" s="163"/>
      <c r="D84" s="230" t="s">
        <v>363</v>
      </c>
      <c r="E84" s="150" t="s">
        <v>294</v>
      </c>
      <c r="F84" s="230" t="s">
        <v>363</v>
      </c>
      <c r="G84" s="150" t="s">
        <v>292</v>
      </c>
      <c r="H84" s="252" t="s">
        <v>110</v>
      </c>
      <c r="I84" s="220" t="s">
        <v>363</v>
      </c>
      <c r="J84" s="184" t="s">
        <v>261</v>
      </c>
      <c r="K84" s="182"/>
      <c r="L84" s="212"/>
      <c r="M84" s="221" t="s">
        <v>363</v>
      </c>
      <c r="N84" s="184" t="s">
        <v>262</v>
      </c>
      <c r="O84" s="166"/>
      <c r="P84" s="182"/>
      <c r="Q84" s="182"/>
      <c r="R84" s="182"/>
      <c r="S84" s="182"/>
      <c r="T84" s="182"/>
      <c r="U84" s="182"/>
      <c r="V84" s="182"/>
      <c r="W84" s="182"/>
      <c r="X84" s="183"/>
      <c r="Y84" s="140"/>
      <c r="Z84" s="138"/>
      <c r="AA84" s="138"/>
      <c r="AB84" s="141"/>
      <c r="AC84" s="354"/>
      <c r="AD84" s="354"/>
      <c r="AE84" s="354"/>
      <c r="AF84" s="354"/>
    </row>
    <row r="85" spans="1:32" ht="18.75" customHeight="1" x14ac:dyDescent="0.15">
      <c r="A85" s="213"/>
      <c r="B85" s="205"/>
      <c r="C85" s="163"/>
      <c r="D85" s="170"/>
      <c r="E85" s="150"/>
      <c r="F85" s="258"/>
      <c r="G85" s="150"/>
      <c r="H85" s="252" t="s">
        <v>126</v>
      </c>
      <c r="I85" s="220" t="s">
        <v>363</v>
      </c>
      <c r="J85" s="184" t="s">
        <v>250</v>
      </c>
      <c r="K85" s="182"/>
      <c r="L85" s="221" t="s">
        <v>363</v>
      </c>
      <c r="M85" s="184" t="s">
        <v>263</v>
      </c>
      <c r="N85" s="239"/>
      <c r="O85" s="182"/>
      <c r="P85" s="182"/>
      <c r="Q85" s="182"/>
      <c r="R85" s="182"/>
      <c r="S85" s="182"/>
      <c r="T85" s="182"/>
      <c r="U85" s="182"/>
      <c r="V85" s="182"/>
      <c r="W85" s="182"/>
      <c r="X85" s="183"/>
      <c r="Y85" s="140"/>
      <c r="Z85" s="138"/>
      <c r="AA85" s="138"/>
      <c r="AB85" s="141"/>
      <c r="AC85" s="354"/>
      <c r="AD85" s="354"/>
      <c r="AE85" s="354"/>
      <c r="AF85" s="354"/>
    </row>
    <row r="86" spans="1:32" ht="18.75" customHeight="1" x14ac:dyDescent="0.15">
      <c r="A86" s="213"/>
      <c r="B86" s="205"/>
      <c r="C86" s="163"/>
      <c r="D86" s="170"/>
      <c r="E86" s="150"/>
      <c r="F86" s="258"/>
      <c r="G86" s="150"/>
      <c r="H86" s="252" t="s">
        <v>201</v>
      </c>
      <c r="I86" s="220" t="s">
        <v>363</v>
      </c>
      <c r="J86" s="184" t="s">
        <v>250</v>
      </c>
      <c r="K86" s="184"/>
      <c r="L86" s="221" t="s">
        <v>363</v>
      </c>
      <c r="M86" s="184" t="s">
        <v>251</v>
      </c>
      <c r="N86" s="184"/>
      <c r="O86" s="221" t="s">
        <v>363</v>
      </c>
      <c r="P86" s="184" t="s">
        <v>252</v>
      </c>
      <c r="Q86" s="166"/>
      <c r="R86" s="182"/>
      <c r="S86" s="182"/>
      <c r="T86" s="182"/>
      <c r="U86" s="182"/>
      <c r="V86" s="182"/>
      <c r="W86" s="182"/>
      <c r="X86" s="183"/>
      <c r="Y86" s="140"/>
      <c r="Z86" s="138"/>
      <c r="AA86" s="138"/>
      <c r="AB86" s="141"/>
      <c r="AC86" s="354"/>
      <c r="AD86" s="354"/>
      <c r="AE86" s="354"/>
      <c r="AF86" s="354"/>
    </row>
    <row r="87" spans="1:32" ht="18.75" customHeight="1" x14ac:dyDescent="0.15">
      <c r="A87" s="213"/>
      <c r="B87" s="205"/>
      <c r="C87" s="163"/>
      <c r="D87" s="170"/>
      <c r="E87" s="150"/>
      <c r="F87" s="258"/>
      <c r="G87" s="150"/>
      <c r="H87" s="206" t="s">
        <v>131</v>
      </c>
      <c r="I87" s="220" t="s">
        <v>363</v>
      </c>
      <c r="J87" s="184" t="s">
        <v>250</v>
      </c>
      <c r="K87" s="184"/>
      <c r="L87" s="221" t="s">
        <v>363</v>
      </c>
      <c r="M87" s="184" t="s">
        <v>256</v>
      </c>
      <c r="N87" s="184"/>
      <c r="O87" s="221" t="s">
        <v>363</v>
      </c>
      <c r="P87" s="184" t="s">
        <v>257</v>
      </c>
      <c r="Q87" s="239"/>
      <c r="R87" s="221" t="s">
        <v>363</v>
      </c>
      <c r="S87" s="184" t="s">
        <v>273</v>
      </c>
      <c r="T87" s="184"/>
      <c r="U87" s="184"/>
      <c r="V87" s="184"/>
      <c r="W87" s="184"/>
      <c r="X87" s="185"/>
      <c r="Y87" s="140"/>
      <c r="Z87" s="138"/>
      <c r="AA87" s="138"/>
      <c r="AB87" s="141"/>
      <c r="AC87" s="354"/>
      <c r="AD87" s="354"/>
      <c r="AE87" s="354"/>
      <c r="AF87" s="354"/>
    </row>
    <row r="88" spans="1:32" ht="18.75" customHeight="1" x14ac:dyDescent="0.15">
      <c r="A88" s="213"/>
      <c r="B88" s="205"/>
      <c r="C88" s="163"/>
      <c r="D88" s="170"/>
      <c r="E88" s="150"/>
      <c r="F88" s="258"/>
      <c r="G88" s="150"/>
      <c r="H88" s="359" t="s">
        <v>224</v>
      </c>
      <c r="I88" s="373" t="s">
        <v>363</v>
      </c>
      <c r="J88" s="374" t="s">
        <v>250</v>
      </c>
      <c r="K88" s="374"/>
      <c r="L88" s="375" t="s">
        <v>363</v>
      </c>
      <c r="M88" s="374" t="s">
        <v>263</v>
      </c>
      <c r="N88" s="374"/>
      <c r="O88" s="186"/>
      <c r="P88" s="186"/>
      <c r="Q88" s="186"/>
      <c r="R88" s="186"/>
      <c r="S88" s="186"/>
      <c r="T88" s="186"/>
      <c r="U88" s="186"/>
      <c r="V88" s="186"/>
      <c r="W88" s="186"/>
      <c r="X88" s="187"/>
      <c r="Y88" s="140"/>
      <c r="Z88" s="138"/>
      <c r="AA88" s="138"/>
      <c r="AB88" s="141"/>
      <c r="AC88" s="354"/>
      <c r="AD88" s="354"/>
      <c r="AE88" s="354"/>
      <c r="AF88" s="354"/>
    </row>
    <row r="89" spans="1:32" s="161" customFormat="1" ht="18.75" customHeight="1" x14ac:dyDescent="0.15">
      <c r="A89" s="213"/>
      <c r="B89" s="205"/>
      <c r="C89" s="163"/>
      <c r="D89" s="170"/>
      <c r="E89" s="150"/>
      <c r="F89" s="258"/>
      <c r="G89" s="150"/>
      <c r="H89" s="360"/>
      <c r="I89" s="373"/>
      <c r="J89" s="374"/>
      <c r="K89" s="374"/>
      <c r="L89" s="375"/>
      <c r="M89" s="374"/>
      <c r="N89" s="374"/>
      <c r="O89" s="188"/>
      <c r="P89" s="188"/>
      <c r="Q89" s="188"/>
      <c r="R89" s="188"/>
      <c r="S89" s="188"/>
      <c r="T89" s="188"/>
      <c r="U89" s="188"/>
      <c r="V89" s="188"/>
      <c r="W89" s="188"/>
      <c r="X89" s="189"/>
      <c r="Y89" s="140"/>
      <c r="Z89" s="138"/>
      <c r="AA89" s="138"/>
      <c r="AB89" s="141"/>
      <c r="AC89" s="354"/>
      <c r="AD89" s="354"/>
      <c r="AE89" s="354"/>
      <c r="AF89" s="354"/>
    </row>
    <row r="90" spans="1:32" ht="18.75" customHeight="1" x14ac:dyDescent="0.15">
      <c r="A90" s="213"/>
      <c r="B90" s="205"/>
      <c r="C90" s="163"/>
      <c r="D90" s="170"/>
      <c r="E90" s="150"/>
      <c r="F90" s="258"/>
      <c r="G90" s="150"/>
      <c r="H90" s="206" t="s">
        <v>135</v>
      </c>
      <c r="I90" s="220" t="s">
        <v>363</v>
      </c>
      <c r="J90" s="184" t="s">
        <v>250</v>
      </c>
      <c r="K90" s="184"/>
      <c r="L90" s="221" t="s">
        <v>363</v>
      </c>
      <c r="M90" s="184" t="s">
        <v>256</v>
      </c>
      <c r="N90" s="184"/>
      <c r="O90" s="221" t="s">
        <v>363</v>
      </c>
      <c r="P90" s="184" t="s">
        <v>257</v>
      </c>
      <c r="Q90" s="166"/>
      <c r="R90" s="221" t="s">
        <v>363</v>
      </c>
      <c r="S90" s="184" t="s">
        <v>258</v>
      </c>
      <c r="T90" s="166"/>
      <c r="U90" s="166"/>
      <c r="V90" s="166"/>
      <c r="W90" s="166"/>
      <c r="X90" s="211"/>
      <c r="Y90" s="140"/>
      <c r="Z90" s="138"/>
      <c r="AA90" s="138"/>
      <c r="AB90" s="141"/>
      <c r="AC90" s="354"/>
      <c r="AD90" s="354"/>
      <c r="AE90" s="354"/>
      <c r="AF90" s="354"/>
    </row>
    <row r="91" spans="1:32" s="307" customFormat="1" ht="18.75" customHeight="1" x14ac:dyDescent="0.15">
      <c r="A91" s="213"/>
      <c r="B91" s="205"/>
      <c r="C91" s="163"/>
      <c r="D91" s="170"/>
      <c r="E91" s="150"/>
      <c r="F91" s="308"/>
      <c r="G91" s="150"/>
      <c r="H91" s="305" t="s">
        <v>467</v>
      </c>
      <c r="I91" s="302" t="s">
        <v>363</v>
      </c>
      <c r="J91" s="186" t="s">
        <v>464</v>
      </c>
      <c r="K91" s="186"/>
      <c r="L91" s="304" t="s">
        <v>363</v>
      </c>
      <c r="M91" s="186" t="s">
        <v>465</v>
      </c>
      <c r="N91" s="186"/>
      <c r="O91" s="304" t="s">
        <v>363</v>
      </c>
      <c r="P91" s="186" t="s">
        <v>466</v>
      </c>
      <c r="Q91" s="176"/>
      <c r="R91" s="304"/>
      <c r="S91" s="186"/>
      <c r="T91" s="176"/>
      <c r="U91" s="176"/>
      <c r="V91" s="176"/>
      <c r="W91" s="176"/>
      <c r="X91" s="177"/>
      <c r="Y91" s="140"/>
      <c r="Z91" s="138"/>
      <c r="AA91" s="138"/>
      <c r="AB91" s="141"/>
      <c r="AC91" s="355"/>
      <c r="AD91" s="355"/>
      <c r="AE91" s="355"/>
      <c r="AF91" s="355"/>
    </row>
    <row r="92" spans="1:32" ht="18.75" customHeight="1" x14ac:dyDescent="0.15">
      <c r="A92" s="213"/>
      <c r="B92" s="205"/>
      <c r="C92" s="163"/>
      <c r="D92" s="156"/>
      <c r="E92" s="152"/>
      <c r="F92" s="254"/>
      <c r="G92" s="152"/>
      <c r="H92" s="316" t="s">
        <v>468</v>
      </c>
      <c r="I92" s="309" t="s">
        <v>363</v>
      </c>
      <c r="J92" s="310" t="s">
        <v>250</v>
      </c>
      <c r="K92" s="310"/>
      <c r="L92" s="311" t="s">
        <v>363</v>
      </c>
      <c r="M92" s="310" t="s">
        <v>263</v>
      </c>
      <c r="N92" s="310"/>
      <c r="O92" s="310"/>
      <c r="P92" s="310"/>
      <c r="Q92" s="312"/>
      <c r="R92" s="312"/>
      <c r="S92" s="312"/>
      <c r="T92" s="312"/>
      <c r="U92" s="312"/>
      <c r="V92" s="312"/>
      <c r="W92" s="312"/>
      <c r="X92" s="313"/>
      <c r="Y92" s="195"/>
      <c r="Z92" s="196"/>
      <c r="AA92" s="196"/>
      <c r="AB92" s="197"/>
      <c r="AC92" s="356"/>
      <c r="AD92" s="356"/>
      <c r="AE92" s="356"/>
      <c r="AF92" s="356"/>
    </row>
    <row r="93" spans="1:32" ht="18.75" customHeight="1" x14ac:dyDescent="0.15">
      <c r="A93" s="213"/>
      <c r="B93" s="205"/>
      <c r="C93" s="163"/>
      <c r="D93" s="153"/>
      <c r="E93" s="175"/>
      <c r="F93" s="256"/>
      <c r="G93" s="175"/>
      <c r="H93" s="251" t="s">
        <v>111</v>
      </c>
      <c r="I93" s="241" t="s">
        <v>363</v>
      </c>
      <c r="J93" s="188" t="s">
        <v>282</v>
      </c>
      <c r="K93" s="190"/>
      <c r="L93" s="203"/>
      <c r="M93" s="243" t="s">
        <v>363</v>
      </c>
      <c r="N93" s="188" t="s">
        <v>283</v>
      </c>
      <c r="O93" s="237"/>
      <c r="P93" s="224"/>
      <c r="Q93" s="224"/>
      <c r="R93" s="224"/>
      <c r="S93" s="224"/>
      <c r="T93" s="224"/>
      <c r="U93" s="224"/>
      <c r="V93" s="224"/>
      <c r="W93" s="224"/>
      <c r="X93" s="232"/>
      <c r="Y93" s="214" t="s">
        <v>363</v>
      </c>
      <c r="Z93" s="143" t="s">
        <v>249</v>
      </c>
      <c r="AA93" s="143"/>
      <c r="AB93" s="141"/>
      <c r="AC93" s="352"/>
      <c r="AD93" s="352"/>
      <c r="AE93" s="352"/>
      <c r="AF93" s="352"/>
    </row>
    <row r="94" spans="1:32" ht="18.75" customHeight="1" x14ac:dyDescent="0.15">
      <c r="A94" s="230" t="s">
        <v>363</v>
      </c>
      <c r="B94" s="205">
        <v>25</v>
      </c>
      <c r="C94" s="163" t="s">
        <v>85</v>
      </c>
      <c r="D94" s="170"/>
      <c r="E94" s="150"/>
      <c r="F94" s="258"/>
      <c r="G94" s="150"/>
      <c r="H94" s="357" t="s">
        <v>109</v>
      </c>
      <c r="I94" s="214" t="s">
        <v>363</v>
      </c>
      <c r="J94" s="143" t="s">
        <v>250</v>
      </c>
      <c r="K94" s="143"/>
      <c r="L94" s="259"/>
      <c r="M94" s="214" t="s">
        <v>363</v>
      </c>
      <c r="N94" s="143" t="s">
        <v>274</v>
      </c>
      <c r="O94" s="143"/>
      <c r="P94" s="259"/>
      <c r="Q94" s="214" t="s">
        <v>363</v>
      </c>
      <c r="R94" s="236" t="s">
        <v>275</v>
      </c>
      <c r="S94" s="236"/>
      <c r="T94" s="236"/>
      <c r="U94" s="214" t="s">
        <v>363</v>
      </c>
      <c r="V94" s="236" t="s">
        <v>276</v>
      </c>
      <c r="W94" s="236"/>
      <c r="X94" s="172"/>
      <c r="Y94" s="214" t="s">
        <v>363</v>
      </c>
      <c r="Z94" s="143" t="s">
        <v>253</v>
      </c>
      <c r="AA94" s="138"/>
      <c r="AB94" s="141"/>
      <c r="AC94" s="354"/>
      <c r="AD94" s="354"/>
      <c r="AE94" s="354"/>
      <c r="AF94" s="354"/>
    </row>
    <row r="95" spans="1:32" s="161" customFormat="1" ht="18.75" customHeight="1" x14ac:dyDescent="0.15">
      <c r="A95" s="213"/>
      <c r="B95" s="205"/>
      <c r="C95" s="163"/>
      <c r="D95" s="170"/>
      <c r="E95" s="150"/>
      <c r="F95" s="258"/>
      <c r="G95" s="150"/>
      <c r="H95" s="358"/>
      <c r="I95" s="241" t="s">
        <v>363</v>
      </c>
      <c r="J95" s="188" t="s">
        <v>277</v>
      </c>
      <c r="K95" s="237"/>
      <c r="L95" s="237"/>
      <c r="M95" s="243" t="s">
        <v>363</v>
      </c>
      <c r="N95" s="188" t="s">
        <v>278</v>
      </c>
      <c r="O95" s="237"/>
      <c r="P95" s="237"/>
      <c r="Q95" s="243" t="s">
        <v>363</v>
      </c>
      <c r="R95" s="188" t="s">
        <v>279</v>
      </c>
      <c r="S95" s="237"/>
      <c r="T95" s="237"/>
      <c r="U95" s="237"/>
      <c r="V95" s="237"/>
      <c r="W95" s="237"/>
      <c r="X95" s="204"/>
      <c r="Y95" s="140"/>
      <c r="Z95" s="138"/>
      <c r="AA95" s="138"/>
      <c r="AB95" s="141"/>
      <c r="AC95" s="354"/>
      <c r="AD95" s="354"/>
      <c r="AE95" s="354"/>
      <c r="AF95" s="354"/>
    </row>
    <row r="96" spans="1:32" ht="18.75" customHeight="1" x14ac:dyDescent="0.15">
      <c r="A96" s="213"/>
      <c r="B96" s="205"/>
      <c r="C96" s="163"/>
      <c r="D96" s="170"/>
      <c r="E96" s="150"/>
      <c r="F96" s="258"/>
      <c r="G96" s="150"/>
      <c r="H96" s="252" t="s">
        <v>112</v>
      </c>
      <c r="I96" s="220" t="s">
        <v>363</v>
      </c>
      <c r="J96" s="184" t="s">
        <v>261</v>
      </c>
      <c r="K96" s="182"/>
      <c r="L96" s="212"/>
      <c r="M96" s="221" t="s">
        <v>363</v>
      </c>
      <c r="N96" s="184" t="s">
        <v>262</v>
      </c>
      <c r="O96" s="166"/>
      <c r="P96" s="182"/>
      <c r="Q96" s="182"/>
      <c r="R96" s="182"/>
      <c r="S96" s="182"/>
      <c r="T96" s="182"/>
      <c r="U96" s="182"/>
      <c r="V96" s="182"/>
      <c r="W96" s="182"/>
      <c r="X96" s="183"/>
      <c r="Y96" s="140"/>
      <c r="Z96" s="138"/>
      <c r="AA96" s="138"/>
      <c r="AB96" s="141"/>
      <c r="AC96" s="354"/>
      <c r="AD96" s="354"/>
      <c r="AE96" s="354"/>
      <c r="AF96" s="354"/>
    </row>
    <row r="97" spans="1:32" ht="18.75" customHeight="1" x14ac:dyDescent="0.15">
      <c r="A97" s="213"/>
      <c r="B97" s="205"/>
      <c r="C97" s="163"/>
      <c r="D97" s="170"/>
      <c r="E97" s="150"/>
      <c r="F97" s="258"/>
      <c r="G97" s="150"/>
      <c r="H97" s="252" t="s">
        <v>125</v>
      </c>
      <c r="I97" s="220" t="s">
        <v>363</v>
      </c>
      <c r="J97" s="184" t="s">
        <v>250</v>
      </c>
      <c r="K97" s="182"/>
      <c r="L97" s="221" t="s">
        <v>363</v>
      </c>
      <c r="M97" s="184" t="s">
        <v>263</v>
      </c>
      <c r="N97" s="239"/>
      <c r="O97" s="166"/>
      <c r="P97" s="166"/>
      <c r="Q97" s="166"/>
      <c r="R97" s="166"/>
      <c r="S97" s="166"/>
      <c r="T97" s="166"/>
      <c r="U97" s="166"/>
      <c r="V97" s="166"/>
      <c r="W97" s="166"/>
      <c r="X97" s="211"/>
      <c r="Y97" s="140"/>
      <c r="Z97" s="138"/>
      <c r="AA97" s="138"/>
      <c r="AB97" s="141"/>
      <c r="AC97" s="354"/>
      <c r="AD97" s="354"/>
      <c r="AE97" s="354"/>
      <c r="AF97" s="354"/>
    </row>
    <row r="98" spans="1:32" ht="18.75" customHeight="1" x14ac:dyDescent="0.15">
      <c r="A98" s="213"/>
      <c r="B98" s="205"/>
      <c r="C98" s="163"/>
      <c r="D98" s="170"/>
      <c r="E98" s="150"/>
      <c r="F98" s="258"/>
      <c r="G98" s="150"/>
      <c r="H98" s="252" t="s">
        <v>133</v>
      </c>
      <c r="I98" s="220" t="s">
        <v>363</v>
      </c>
      <c r="J98" s="184" t="s">
        <v>250</v>
      </c>
      <c r="K98" s="182"/>
      <c r="L98" s="221" t="s">
        <v>363</v>
      </c>
      <c r="M98" s="184" t="s">
        <v>263</v>
      </c>
      <c r="N98" s="239"/>
      <c r="O98" s="166"/>
      <c r="P98" s="166"/>
      <c r="Q98" s="166"/>
      <c r="R98" s="166"/>
      <c r="S98" s="166"/>
      <c r="T98" s="166"/>
      <c r="U98" s="166"/>
      <c r="V98" s="166"/>
      <c r="W98" s="166"/>
      <c r="X98" s="211"/>
      <c r="Y98" s="140"/>
      <c r="Z98" s="138"/>
      <c r="AA98" s="138"/>
      <c r="AB98" s="141"/>
      <c r="AC98" s="354"/>
      <c r="AD98" s="354"/>
      <c r="AE98" s="354"/>
      <c r="AF98" s="354"/>
    </row>
    <row r="99" spans="1:32" ht="18.75" customHeight="1" x14ac:dyDescent="0.15">
      <c r="A99" s="213"/>
      <c r="B99" s="205"/>
      <c r="C99" s="163"/>
      <c r="D99" s="170"/>
      <c r="E99" s="150"/>
      <c r="F99" s="258"/>
      <c r="G99" s="150"/>
      <c r="H99" s="252" t="s">
        <v>110</v>
      </c>
      <c r="I99" s="220" t="s">
        <v>363</v>
      </c>
      <c r="J99" s="184" t="s">
        <v>261</v>
      </c>
      <c r="K99" s="182"/>
      <c r="L99" s="212"/>
      <c r="M99" s="221" t="s">
        <v>363</v>
      </c>
      <c r="N99" s="184" t="s">
        <v>262</v>
      </c>
      <c r="O99" s="166"/>
      <c r="P99" s="166"/>
      <c r="Q99" s="166"/>
      <c r="R99" s="166"/>
      <c r="S99" s="166"/>
      <c r="T99" s="166"/>
      <c r="U99" s="166"/>
      <c r="V99" s="166"/>
      <c r="W99" s="166"/>
      <c r="X99" s="211"/>
      <c r="Y99" s="140"/>
      <c r="Z99" s="138"/>
      <c r="AA99" s="138"/>
      <c r="AB99" s="141"/>
      <c r="AC99" s="354"/>
      <c r="AD99" s="354"/>
      <c r="AE99" s="354"/>
      <c r="AF99" s="354"/>
    </row>
    <row r="100" spans="1:32" ht="18.75" customHeight="1" x14ac:dyDescent="0.15">
      <c r="A100" s="213"/>
      <c r="B100" s="205"/>
      <c r="C100" s="163"/>
      <c r="D100" s="230" t="s">
        <v>363</v>
      </c>
      <c r="E100" s="150" t="s">
        <v>300</v>
      </c>
      <c r="F100" s="258"/>
      <c r="G100" s="150"/>
      <c r="H100" s="252" t="s">
        <v>128</v>
      </c>
      <c r="I100" s="220" t="s">
        <v>363</v>
      </c>
      <c r="J100" s="184" t="s">
        <v>298</v>
      </c>
      <c r="K100" s="166"/>
      <c r="L100" s="166"/>
      <c r="M100" s="166"/>
      <c r="N100" s="166"/>
      <c r="O100" s="166"/>
      <c r="P100" s="221" t="s">
        <v>363</v>
      </c>
      <c r="Q100" s="184" t="s">
        <v>299</v>
      </c>
      <c r="R100" s="166"/>
      <c r="S100" s="166"/>
      <c r="T100" s="166"/>
      <c r="U100" s="166"/>
      <c r="V100" s="166"/>
      <c r="W100" s="166"/>
      <c r="X100" s="211"/>
      <c r="Y100" s="140"/>
      <c r="Z100" s="138"/>
      <c r="AA100" s="138"/>
      <c r="AB100" s="141"/>
      <c r="AC100" s="354"/>
      <c r="AD100" s="354"/>
      <c r="AE100" s="354"/>
      <c r="AF100" s="354"/>
    </row>
    <row r="101" spans="1:32" ht="18.75" customHeight="1" x14ac:dyDescent="0.15">
      <c r="A101" s="213"/>
      <c r="B101" s="205"/>
      <c r="C101" s="163"/>
      <c r="D101" s="230" t="s">
        <v>363</v>
      </c>
      <c r="E101" s="150" t="s">
        <v>301</v>
      </c>
      <c r="F101" s="258"/>
      <c r="G101" s="150"/>
      <c r="H101" s="252" t="s">
        <v>194</v>
      </c>
      <c r="I101" s="220" t="s">
        <v>363</v>
      </c>
      <c r="J101" s="184" t="s">
        <v>250</v>
      </c>
      <c r="K101" s="182"/>
      <c r="L101" s="221" t="s">
        <v>363</v>
      </c>
      <c r="M101" s="184" t="s">
        <v>263</v>
      </c>
      <c r="N101" s="239"/>
      <c r="O101" s="239"/>
      <c r="P101" s="239"/>
      <c r="Q101" s="239"/>
      <c r="R101" s="239"/>
      <c r="S101" s="239"/>
      <c r="T101" s="239"/>
      <c r="U101" s="239"/>
      <c r="V101" s="239"/>
      <c r="W101" s="239"/>
      <c r="X101" s="209"/>
      <c r="Y101" s="140"/>
      <c r="Z101" s="138"/>
      <c r="AA101" s="138"/>
      <c r="AB101" s="141"/>
      <c r="AC101" s="354"/>
      <c r="AD101" s="354"/>
      <c r="AE101" s="354"/>
      <c r="AF101" s="354"/>
    </row>
    <row r="102" spans="1:32" ht="18.75" customHeight="1" x14ac:dyDescent="0.15">
      <c r="A102" s="213"/>
      <c r="B102" s="205"/>
      <c r="C102" s="163"/>
      <c r="D102" s="230" t="s">
        <v>363</v>
      </c>
      <c r="E102" s="150" t="s">
        <v>302</v>
      </c>
      <c r="F102" s="258"/>
      <c r="G102" s="150"/>
      <c r="H102" s="252" t="s">
        <v>193</v>
      </c>
      <c r="I102" s="220" t="s">
        <v>363</v>
      </c>
      <c r="J102" s="184" t="s">
        <v>250</v>
      </c>
      <c r="K102" s="182"/>
      <c r="L102" s="221" t="s">
        <v>363</v>
      </c>
      <c r="M102" s="184" t="s">
        <v>263</v>
      </c>
      <c r="N102" s="239"/>
      <c r="O102" s="239"/>
      <c r="P102" s="239"/>
      <c r="Q102" s="239"/>
      <c r="R102" s="239"/>
      <c r="S102" s="239"/>
      <c r="T102" s="239"/>
      <c r="U102" s="239"/>
      <c r="V102" s="239"/>
      <c r="W102" s="239"/>
      <c r="X102" s="209"/>
      <c r="Y102" s="140"/>
      <c r="Z102" s="138"/>
      <c r="AA102" s="138"/>
      <c r="AB102" s="141"/>
      <c r="AC102" s="354"/>
      <c r="AD102" s="354"/>
      <c r="AE102" s="354"/>
      <c r="AF102" s="354"/>
    </row>
    <row r="103" spans="1:32" ht="18.75" customHeight="1" x14ac:dyDescent="0.15">
      <c r="A103" s="213"/>
      <c r="B103" s="205"/>
      <c r="C103" s="163"/>
      <c r="D103" s="230" t="s">
        <v>363</v>
      </c>
      <c r="E103" s="150" t="s">
        <v>303</v>
      </c>
      <c r="F103" s="258"/>
      <c r="G103" s="150"/>
      <c r="H103" s="252" t="s">
        <v>126</v>
      </c>
      <c r="I103" s="220" t="s">
        <v>363</v>
      </c>
      <c r="J103" s="184" t="s">
        <v>250</v>
      </c>
      <c r="K103" s="182"/>
      <c r="L103" s="221" t="s">
        <v>363</v>
      </c>
      <c r="M103" s="184" t="s">
        <v>263</v>
      </c>
      <c r="N103" s="239"/>
      <c r="O103" s="166"/>
      <c r="P103" s="166"/>
      <c r="Q103" s="166"/>
      <c r="R103" s="166"/>
      <c r="S103" s="166"/>
      <c r="T103" s="166"/>
      <c r="U103" s="166"/>
      <c r="V103" s="166"/>
      <c r="W103" s="166"/>
      <c r="X103" s="211"/>
      <c r="Y103" s="140"/>
      <c r="Z103" s="138"/>
      <c r="AA103" s="138"/>
      <c r="AB103" s="141"/>
      <c r="AC103" s="354"/>
      <c r="AD103" s="354"/>
      <c r="AE103" s="354"/>
      <c r="AF103" s="354"/>
    </row>
    <row r="104" spans="1:32" ht="18.75" customHeight="1" x14ac:dyDescent="0.15">
      <c r="A104" s="213"/>
      <c r="B104" s="205"/>
      <c r="C104" s="163"/>
      <c r="D104" s="170"/>
      <c r="E104" s="150"/>
      <c r="F104" s="258"/>
      <c r="G104" s="150"/>
      <c r="H104" s="252" t="s">
        <v>201</v>
      </c>
      <c r="I104" s="220" t="s">
        <v>363</v>
      </c>
      <c r="J104" s="184" t="s">
        <v>250</v>
      </c>
      <c r="K104" s="184"/>
      <c r="L104" s="221" t="s">
        <v>363</v>
      </c>
      <c r="M104" s="184" t="s">
        <v>251</v>
      </c>
      <c r="N104" s="184"/>
      <c r="O104" s="221" t="s">
        <v>363</v>
      </c>
      <c r="P104" s="184" t="s">
        <v>252</v>
      </c>
      <c r="Q104" s="166"/>
      <c r="R104" s="166"/>
      <c r="S104" s="166"/>
      <c r="T104" s="166"/>
      <c r="U104" s="166"/>
      <c r="V104" s="166"/>
      <c r="W104" s="166"/>
      <c r="X104" s="211"/>
      <c r="Y104" s="140"/>
      <c r="Z104" s="138"/>
      <c r="AA104" s="138"/>
      <c r="AB104" s="141"/>
      <c r="AC104" s="354"/>
      <c r="AD104" s="354"/>
      <c r="AE104" s="354"/>
      <c r="AF104" s="354"/>
    </row>
    <row r="105" spans="1:32" ht="18.75" customHeight="1" x14ac:dyDescent="0.15">
      <c r="A105" s="213"/>
      <c r="B105" s="205"/>
      <c r="C105" s="163"/>
      <c r="D105" s="170"/>
      <c r="E105" s="150"/>
      <c r="F105" s="258"/>
      <c r="G105" s="150"/>
      <c r="H105" s="252" t="s">
        <v>127</v>
      </c>
      <c r="I105" s="220" t="s">
        <v>363</v>
      </c>
      <c r="J105" s="184" t="s">
        <v>295</v>
      </c>
      <c r="K105" s="184"/>
      <c r="L105" s="212"/>
      <c r="M105" s="212"/>
      <c r="N105" s="221" t="s">
        <v>363</v>
      </c>
      <c r="O105" s="184" t="s">
        <v>296</v>
      </c>
      <c r="P105" s="166"/>
      <c r="Q105" s="166"/>
      <c r="R105" s="166"/>
      <c r="S105" s="221" t="s">
        <v>363</v>
      </c>
      <c r="T105" s="184" t="s">
        <v>297</v>
      </c>
      <c r="U105" s="166"/>
      <c r="V105" s="166"/>
      <c r="W105" s="166"/>
      <c r="X105" s="211"/>
      <c r="Y105" s="140"/>
      <c r="Z105" s="138"/>
      <c r="AA105" s="138"/>
      <c r="AB105" s="141"/>
      <c r="AC105" s="354"/>
      <c r="AD105" s="354"/>
      <c r="AE105" s="354"/>
      <c r="AF105" s="354"/>
    </row>
    <row r="106" spans="1:32" ht="18.75" customHeight="1" x14ac:dyDescent="0.15">
      <c r="A106" s="213"/>
      <c r="B106" s="205"/>
      <c r="C106" s="163"/>
      <c r="D106" s="170"/>
      <c r="E106" s="150"/>
      <c r="F106" s="258"/>
      <c r="G106" s="150"/>
      <c r="H106" s="252" t="s">
        <v>131</v>
      </c>
      <c r="I106" s="220" t="s">
        <v>363</v>
      </c>
      <c r="J106" s="184" t="s">
        <v>250</v>
      </c>
      <c r="K106" s="184"/>
      <c r="L106" s="221" t="s">
        <v>363</v>
      </c>
      <c r="M106" s="184" t="s">
        <v>256</v>
      </c>
      <c r="N106" s="184"/>
      <c r="O106" s="221" t="s">
        <v>363</v>
      </c>
      <c r="P106" s="184" t="s">
        <v>257</v>
      </c>
      <c r="Q106" s="239"/>
      <c r="R106" s="221" t="s">
        <v>363</v>
      </c>
      <c r="S106" s="184" t="s">
        <v>273</v>
      </c>
      <c r="T106" s="184"/>
      <c r="U106" s="184"/>
      <c r="V106" s="184"/>
      <c r="W106" s="184"/>
      <c r="X106" s="185"/>
      <c r="Y106" s="140"/>
      <c r="Z106" s="138"/>
      <c r="AA106" s="138"/>
      <c r="AB106" s="141"/>
      <c r="AC106" s="354"/>
      <c r="AD106" s="354"/>
      <c r="AE106" s="354"/>
      <c r="AF106" s="354"/>
    </row>
    <row r="107" spans="1:32" ht="18.75" customHeight="1" x14ac:dyDescent="0.15">
      <c r="A107" s="213"/>
      <c r="B107" s="205"/>
      <c r="C107" s="163"/>
      <c r="D107" s="170"/>
      <c r="E107" s="150"/>
      <c r="F107" s="258"/>
      <c r="G107" s="150"/>
      <c r="H107" s="359" t="s">
        <v>224</v>
      </c>
      <c r="I107" s="373" t="s">
        <v>363</v>
      </c>
      <c r="J107" s="374" t="s">
        <v>250</v>
      </c>
      <c r="K107" s="374"/>
      <c r="L107" s="375" t="s">
        <v>363</v>
      </c>
      <c r="M107" s="374" t="s">
        <v>263</v>
      </c>
      <c r="N107" s="374"/>
      <c r="O107" s="186"/>
      <c r="P107" s="186"/>
      <c r="Q107" s="186"/>
      <c r="R107" s="186"/>
      <c r="S107" s="186"/>
      <c r="T107" s="186"/>
      <c r="U107" s="186"/>
      <c r="V107" s="186"/>
      <c r="W107" s="186"/>
      <c r="X107" s="187"/>
      <c r="Y107" s="140"/>
      <c r="Z107" s="138"/>
      <c r="AA107" s="138"/>
      <c r="AB107" s="141"/>
      <c r="AC107" s="354"/>
      <c r="AD107" s="354"/>
      <c r="AE107" s="354"/>
      <c r="AF107" s="354"/>
    </row>
    <row r="108" spans="1:32" s="161" customFormat="1" ht="18.75" customHeight="1" x14ac:dyDescent="0.15">
      <c r="A108" s="213"/>
      <c r="B108" s="205"/>
      <c r="C108" s="163"/>
      <c r="D108" s="170"/>
      <c r="E108" s="150"/>
      <c r="F108" s="258"/>
      <c r="G108" s="150"/>
      <c r="H108" s="360"/>
      <c r="I108" s="373"/>
      <c r="J108" s="374"/>
      <c r="K108" s="374"/>
      <c r="L108" s="375"/>
      <c r="M108" s="374"/>
      <c r="N108" s="374"/>
      <c r="O108" s="188"/>
      <c r="P108" s="188"/>
      <c r="Q108" s="188"/>
      <c r="R108" s="188"/>
      <c r="S108" s="188"/>
      <c r="T108" s="188"/>
      <c r="U108" s="188"/>
      <c r="V108" s="188"/>
      <c r="W108" s="188"/>
      <c r="X108" s="189"/>
      <c r="Y108" s="140"/>
      <c r="Z108" s="138"/>
      <c r="AA108" s="138"/>
      <c r="AB108" s="141"/>
      <c r="AC108" s="354"/>
      <c r="AD108" s="354"/>
      <c r="AE108" s="354"/>
      <c r="AF108" s="354"/>
    </row>
    <row r="109" spans="1:32" ht="18.75" customHeight="1" x14ac:dyDescent="0.15">
      <c r="A109" s="213"/>
      <c r="B109" s="205"/>
      <c r="C109" s="163"/>
      <c r="D109" s="170"/>
      <c r="E109" s="150"/>
      <c r="F109" s="258"/>
      <c r="G109" s="150"/>
      <c r="H109" s="206" t="s">
        <v>135</v>
      </c>
      <c r="I109" s="220" t="s">
        <v>363</v>
      </c>
      <c r="J109" s="184" t="s">
        <v>250</v>
      </c>
      <c r="K109" s="184"/>
      <c r="L109" s="221" t="s">
        <v>363</v>
      </c>
      <c r="M109" s="184" t="s">
        <v>256</v>
      </c>
      <c r="N109" s="184"/>
      <c r="O109" s="221" t="s">
        <v>363</v>
      </c>
      <c r="P109" s="184" t="s">
        <v>257</v>
      </c>
      <c r="Q109" s="166"/>
      <c r="R109" s="221" t="s">
        <v>363</v>
      </c>
      <c r="S109" s="184" t="s">
        <v>258</v>
      </c>
      <c r="T109" s="166"/>
      <c r="U109" s="166"/>
      <c r="V109" s="166"/>
      <c r="W109" s="166"/>
      <c r="X109" s="211"/>
      <c r="Y109" s="140"/>
      <c r="Z109" s="138"/>
      <c r="AA109" s="138"/>
      <c r="AB109" s="141"/>
      <c r="AC109" s="354"/>
      <c r="AD109" s="354"/>
      <c r="AE109" s="354"/>
      <c r="AF109" s="354"/>
    </row>
    <row r="110" spans="1:32" s="307" customFormat="1" ht="18.75" customHeight="1" x14ac:dyDescent="0.15">
      <c r="A110" s="213"/>
      <c r="B110" s="205"/>
      <c r="C110" s="163"/>
      <c r="D110" s="170"/>
      <c r="E110" s="150"/>
      <c r="F110" s="308"/>
      <c r="G110" s="150"/>
      <c r="H110" s="305" t="s">
        <v>467</v>
      </c>
      <c r="I110" s="302" t="s">
        <v>363</v>
      </c>
      <c r="J110" s="186" t="s">
        <v>464</v>
      </c>
      <c r="K110" s="186"/>
      <c r="L110" s="304" t="s">
        <v>363</v>
      </c>
      <c r="M110" s="186" t="s">
        <v>465</v>
      </c>
      <c r="N110" s="186"/>
      <c r="O110" s="304" t="s">
        <v>363</v>
      </c>
      <c r="P110" s="186" t="s">
        <v>466</v>
      </c>
      <c r="Q110" s="176"/>
      <c r="R110" s="304"/>
      <c r="S110" s="186"/>
      <c r="T110" s="176"/>
      <c r="U110" s="176"/>
      <c r="V110" s="176"/>
      <c r="W110" s="176"/>
      <c r="X110" s="177"/>
      <c r="Y110" s="140"/>
      <c r="Z110" s="138"/>
      <c r="AA110" s="138"/>
      <c r="AB110" s="141"/>
      <c r="AC110" s="355"/>
      <c r="AD110" s="355"/>
      <c r="AE110" s="355"/>
      <c r="AF110" s="355"/>
    </row>
    <row r="111" spans="1:32" ht="18.75" customHeight="1" x14ac:dyDescent="0.15">
      <c r="A111" s="215"/>
      <c r="B111" s="247"/>
      <c r="C111" s="164"/>
      <c r="D111" s="156"/>
      <c r="E111" s="152"/>
      <c r="F111" s="254"/>
      <c r="G111" s="152"/>
      <c r="H111" s="316" t="s">
        <v>468</v>
      </c>
      <c r="I111" s="309" t="s">
        <v>363</v>
      </c>
      <c r="J111" s="310" t="s">
        <v>250</v>
      </c>
      <c r="K111" s="310"/>
      <c r="L111" s="311" t="s">
        <v>363</v>
      </c>
      <c r="M111" s="310" t="s">
        <v>263</v>
      </c>
      <c r="N111" s="310"/>
      <c r="O111" s="310"/>
      <c r="P111" s="310"/>
      <c r="Q111" s="312"/>
      <c r="R111" s="312"/>
      <c r="S111" s="312"/>
      <c r="T111" s="312"/>
      <c r="U111" s="312"/>
      <c r="V111" s="312"/>
      <c r="W111" s="312"/>
      <c r="X111" s="313"/>
      <c r="Y111" s="195"/>
      <c r="Z111" s="196"/>
      <c r="AA111" s="196"/>
      <c r="AB111" s="197"/>
      <c r="AC111" s="356"/>
      <c r="AD111" s="356"/>
      <c r="AE111" s="356"/>
      <c r="AF111" s="356"/>
    </row>
    <row r="112" spans="1:32" ht="18.75" customHeight="1" x14ac:dyDescent="0.15">
      <c r="A112" s="108"/>
      <c r="B112" s="245"/>
      <c r="C112" s="162"/>
      <c r="D112" s="153"/>
      <c r="E112" s="175"/>
      <c r="F112" s="256"/>
      <c r="G112" s="175"/>
      <c r="H112" s="251" t="s">
        <v>111</v>
      </c>
      <c r="I112" s="223" t="s">
        <v>363</v>
      </c>
      <c r="J112" s="180" t="s">
        <v>282</v>
      </c>
      <c r="K112" s="224"/>
      <c r="L112" s="255"/>
      <c r="M112" s="225" t="s">
        <v>363</v>
      </c>
      <c r="N112" s="180" t="s">
        <v>283</v>
      </c>
      <c r="O112" s="169"/>
      <c r="P112" s="224"/>
      <c r="Q112" s="224"/>
      <c r="R112" s="224"/>
      <c r="S112" s="224"/>
      <c r="T112" s="224"/>
      <c r="U112" s="224"/>
      <c r="V112" s="224"/>
      <c r="W112" s="224"/>
      <c r="X112" s="232"/>
      <c r="Y112" s="229" t="s">
        <v>363</v>
      </c>
      <c r="Z112" s="109" t="s">
        <v>249</v>
      </c>
      <c r="AA112" s="109"/>
      <c r="AB112" s="194"/>
      <c r="AC112" s="352"/>
      <c r="AD112" s="352"/>
      <c r="AE112" s="352"/>
      <c r="AF112" s="352"/>
    </row>
    <row r="113" spans="1:33" ht="18.75" customHeight="1" x14ac:dyDescent="0.15">
      <c r="A113" s="213"/>
      <c r="B113" s="205"/>
      <c r="C113" s="163"/>
      <c r="D113" s="170"/>
      <c r="E113" s="150"/>
      <c r="F113" s="258"/>
      <c r="G113" s="150"/>
      <c r="H113" s="357" t="s">
        <v>109</v>
      </c>
      <c r="I113" s="214" t="s">
        <v>363</v>
      </c>
      <c r="J113" s="143" t="s">
        <v>250</v>
      </c>
      <c r="K113" s="143"/>
      <c r="L113" s="259"/>
      <c r="M113" s="214" t="s">
        <v>363</v>
      </c>
      <c r="N113" s="143" t="s">
        <v>274</v>
      </c>
      <c r="O113" s="143"/>
      <c r="P113" s="259"/>
      <c r="Q113" s="214" t="s">
        <v>363</v>
      </c>
      <c r="R113" s="236" t="s">
        <v>275</v>
      </c>
      <c r="S113" s="236"/>
      <c r="T113" s="236"/>
      <c r="U113" s="214" t="s">
        <v>363</v>
      </c>
      <c r="V113" s="236" t="s">
        <v>276</v>
      </c>
      <c r="W113" s="236"/>
      <c r="X113" s="172"/>
      <c r="Y113" s="214" t="s">
        <v>363</v>
      </c>
      <c r="Z113" s="143" t="s">
        <v>253</v>
      </c>
      <c r="AA113" s="138"/>
      <c r="AB113" s="141"/>
      <c r="AC113" s="354"/>
      <c r="AD113" s="354"/>
      <c r="AE113" s="354"/>
      <c r="AF113" s="354"/>
    </row>
    <row r="114" spans="1:33" s="161" customFormat="1" ht="18.75" customHeight="1" x14ac:dyDescent="0.15">
      <c r="A114" s="213"/>
      <c r="B114" s="205"/>
      <c r="C114" s="163"/>
      <c r="D114" s="170"/>
      <c r="E114" s="150"/>
      <c r="F114" s="258"/>
      <c r="G114" s="150"/>
      <c r="H114" s="358"/>
      <c r="I114" s="241" t="s">
        <v>363</v>
      </c>
      <c r="J114" s="188" t="s">
        <v>277</v>
      </c>
      <c r="K114" s="237"/>
      <c r="L114" s="237"/>
      <c r="M114" s="243" t="s">
        <v>363</v>
      </c>
      <c r="N114" s="188" t="s">
        <v>278</v>
      </c>
      <c r="O114" s="237"/>
      <c r="P114" s="237"/>
      <c r="Q114" s="243" t="s">
        <v>363</v>
      </c>
      <c r="R114" s="188" t="s">
        <v>279</v>
      </c>
      <c r="S114" s="237"/>
      <c r="T114" s="237"/>
      <c r="U114" s="237"/>
      <c r="V114" s="237"/>
      <c r="W114" s="237"/>
      <c r="X114" s="204"/>
      <c r="Y114" s="140"/>
      <c r="Z114" s="138"/>
      <c r="AA114" s="138"/>
      <c r="AB114" s="141"/>
      <c r="AC114" s="354"/>
      <c r="AD114" s="354"/>
      <c r="AE114" s="354"/>
      <c r="AF114" s="354"/>
    </row>
    <row r="115" spans="1:33" ht="18.75" customHeight="1" x14ac:dyDescent="0.15">
      <c r="A115" s="213"/>
      <c r="B115" s="205"/>
      <c r="C115" s="163"/>
      <c r="D115" s="170"/>
      <c r="E115" s="150"/>
      <c r="F115" s="258"/>
      <c r="G115" s="150"/>
      <c r="H115" s="252" t="s">
        <v>112</v>
      </c>
      <c r="I115" s="220" t="s">
        <v>363</v>
      </c>
      <c r="J115" s="184" t="s">
        <v>261</v>
      </c>
      <c r="K115" s="182"/>
      <c r="L115" s="212"/>
      <c r="M115" s="221" t="s">
        <v>363</v>
      </c>
      <c r="N115" s="184" t="s">
        <v>262</v>
      </c>
      <c r="O115" s="166"/>
      <c r="P115" s="182"/>
      <c r="Q115" s="166"/>
      <c r="R115" s="166"/>
      <c r="S115" s="166"/>
      <c r="T115" s="166"/>
      <c r="U115" s="166"/>
      <c r="V115" s="166"/>
      <c r="W115" s="166"/>
      <c r="X115" s="211"/>
      <c r="Y115" s="140"/>
      <c r="Z115" s="138"/>
      <c r="AA115" s="138"/>
      <c r="AB115" s="141"/>
      <c r="AC115" s="354"/>
      <c r="AD115" s="354"/>
      <c r="AE115" s="354"/>
      <c r="AF115" s="354"/>
    </row>
    <row r="116" spans="1:33" ht="18.75" customHeight="1" x14ac:dyDescent="0.15">
      <c r="A116" s="213"/>
      <c r="B116" s="205"/>
      <c r="C116" s="163"/>
      <c r="D116" s="170"/>
      <c r="E116" s="150"/>
      <c r="F116" s="258"/>
      <c r="G116" s="150"/>
      <c r="H116" s="252" t="s">
        <v>125</v>
      </c>
      <c r="I116" s="220" t="s">
        <v>363</v>
      </c>
      <c r="J116" s="184" t="s">
        <v>250</v>
      </c>
      <c r="K116" s="182"/>
      <c r="L116" s="221" t="s">
        <v>363</v>
      </c>
      <c r="M116" s="184" t="s">
        <v>263</v>
      </c>
      <c r="N116" s="239"/>
      <c r="O116" s="166"/>
      <c r="P116" s="166"/>
      <c r="Q116" s="166"/>
      <c r="R116" s="166"/>
      <c r="S116" s="166"/>
      <c r="T116" s="166"/>
      <c r="U116" s="166"/>
      <c r="V116" s="166"/>
      <c r="W116" s="166"/>
      <c r="X116" s="211"/>
      <c r="Y116" s="140"/>
      <c r="Z116" s="138"/>
      <c r="AA116" s="138"/>
      <c r="AB116" s="141"/>
      <c r="AC116" s="354"/>
      <c r="AD116" s="354"/>
      <c r="AE116" s="354"/>
      <c r="AF116" s="354"/>
    </row>
    <row r="117" spans="1:33" ht="18.75" customHeight="1" x14ac:dyDescent="0.15">
      <c r="A117" s="213"/>
      <c r="B117" s="205"/>
      <c r="C117" s="163"/>
      <c r="D117" s="170"/>
      <c r="E117" s="150"/>
      <c r="F117" s="258"/>
      <c r="G117" s="150"/>
      <c r="H117" s="252" t="s">
        <v>133</v>
      </c>
      <c r="I117" s="220" t="s">
        <v>363</v>
      </c>
      <c r="J117" s="184" t="s">
        <v>250</v>
      </c>
      <c r="K117" s="182"/>
      <c r="L117" s="221" t="s">
        <v>363</v>
      </c>
      <c r="M117" s="184" t="s">
        <v>263</v>
      </c>
      <c r="N117" s="239"/>
      <c r="O117" s="166"/>
      <c r="P117" s="166"/>
      <c r="Q117" s="166"/>
      <c r="R117" s="166"/>
      <c r="S117" s="166"/>
      <c r="T117" s="166"/>
      <c r="U117" s="166"/>
      <c r="V117" s="166"/>
      <c r="W117" s="166"/>
      <c r="X117" s="211"/>
      <c r="Y117" s="140"/>
      <c r="Z117" s="138"/>
      <c r="AA117" s="138"/>
      <c r="AB117" s="141"/>
      <c r="AC117" s="354"/>
      <c r="AD117" s="354"/>
      <c r="AE117" s="354"/>
      <c r="AF117" s="354"/>
    </row>
    <row r="118" spans="1:33" ht="18.75" customHeight="1" x14ac:dyDescent="0.15">
      <c r="A118" s="230" t="s">
        <v>363</v>
      </c>
      <c r="B118" s="205">
        <v>25</v>
      </c>
      <c r="C118" s="163" t="s">
        <v>219</v>
      </c>
      <c r="D118" s="230" t="s">
        <v>363</v>
      </c>
      <c r="E118" s="150" t="s">
        <v>304</v>
      </c>
      <c r="F118" s="258"/>
      <c r="G118" s="150"/>
      <c r="H118" s="252" t="s">
        <v>110</v>
      </c>
      <c r="I118" s="220" t="s">
        <v>363</v>
      </c>
      <c r="J118" s="184" t="s">
        <v>261</v>
      </c>
      <c r="K118" s="182"/>
      <c r="L118" s="212"/>
      <c r="M118" s="221" t="s">
        <v>363</v>
      </c>
      <c r="N118" s="184" t="s">
        <v>262</v>
      </c>
      <c r="O118" s="166"/>
      <c r="P118" s="166"/>
      <c r="Q118" s="166"/>
      <c r="R118" s="166"/>
      <c r="S118" s="166"/>
      <c r="T118" s="166"/>
      <c r="U118" s="166"/>
      <c r="V118" s="166"/>
      <c r="W118" s="166"/>
      <c r="X118" s="211"/>
      <c r="Y118" s="140"/>
      <c r="Z118" s="138"/>
      <c r="AA118" s="138"/>
      <c r="AB118" s="141"/>
      <c r="AC118" s="354"/>
      <c r="AD118" s="354"/>
      <c r="AE118" s="354"/>
      <c r="AF118" s="354"/>
    </row>
    <row r="119" spans="1:33" ht="18.75" customHeight="1" x14ac:dyDescent="0.15">
      <c r="A119" s="213"/>
      <c r="B119" s="205"/>
      <c r="C119" s="163"/>
      <c r="D119" s="230" t="s">
        <v>363</v>
      </c>
      <c r="E119" s="150" t="s">
        <v>305</v>
      </c>
      <c r="F119" s="258"/>
      <c r="G119" s="150"/>
      <c r="H119" s="252" t="s">
        <v>126</v>
      </c>
      <c r="I119" s="220" t="s">
        <v>363</v>
      </c>
      <c r="J119" s="184" t="s">
        <v>250</v>
      </c>
      <c r="K119" s="182"/>
      <c r="L119" s="221" t="s">
        <v>363</v>
      </c>
      <c r="M119" s="184" t="s">
        <v>263</v>
      </c>
      <c r="N119" s="239"/>
      <c r="O119" s="166"/>
      <c r="P119" s="166"/>
      <c r="Q119" s="166"/>
      <c r="R119" s="166"/>
      <c r="S119" s="166"/>
      <c r="T119" s="166"/>
      <c r="U119" s="166"/>
      <c r="V119" s="166"/>
      <c r="W119" s="166"/>
      <c r="X119" s="211"/>
      <c r="Y119" s="140"/>
      <c r="Z119" s="138"/>
      <c r="AA119" s="138"/>
      <c r="AB119" s="141"/>
      <c r="AC119" s="354"/>
      <c r="AD119" s="354"/>
      <c r="AE119" s="354"/>
      <c r="AF119" s="354"/>
    </row>
    <row r="120" spans="1:33" ht="18.75" customHeight="1" x14ac:dyDescent="0.15">
      <c r="A120" s="213"/>
      <c r="B120" s="205"/>
      <c r="C120" s="163"/>
      <c r="D120" s="170"/>
      <c r="E120" s="150"/>
      <c r="F120" s="258"/>
      <c r="G120" s="150"/>
      <c r="H120" s="252" t="s">
        <v>201</v>
      </c>
      <c r="I120" s="220" t="s">
        <v>363</v>
      </c>
      <c r="J120" s="184" t="s">
        <v>250</v>
      </c>
      <c r="K120" s="184"/>
      <c r="L120" s="221" t="s">
        <v>363</v>
      </c>
      <c r="M120" s="184" t="s">
        <v>251</v>
      </c>
      <c r="N120" s="184"/>
      <c r="O120" s="221" t="s">
        <v>363</v>
      </c>
      <c r="P120" s="184" t="s">
        <v>252</v>
      </c>
      <c r="Q120" s="166"/>
      <c r="R120" s="166"/>
      <c r="S120" s="166"/>
      <c r="T120" s="166"/>
      <c r="U120" s="166"/>
      <c r="V120" s="166"/>
      <c r="W120" s="166"/>
      <c r="X120" s="211"/>
      <c r="Y120" s="140"/>
      <c r="Z120" s="138"/>
      <c r="AA120" s="138"/>
      <c r="AB120" s="141"/>
      <c r="AC120" s="354"/>
      <c r="AD120" s="354"/>
      <c r="AE120" s="354"/>
      <c r="AF120" s="354"/>
    </row>
    <row r="121" spans="1:33" ht="18.75" customHeight="1" x14ac:dyDescent="0.15">
      <c r="A121" s="213"/>
      <c r="B121" s="205"/>
      <c r="C121" s="163"/>
      <c r="D121" s="170"/>
      <c r="E121" s="150"/>
      <c r="F121" s="258"/>
      <c r="G121" s="150"/>
      <c r="H121" s="252" t="s">
        <v>131</v>
      </c>
      <c r="I121" s="220" t="s">
        <v>363</v>
      </c>
      <c r="J121" s="184" t="s">
        <v>250</v>
      </c>
      <c r="K121" s="184"/>
      <c r="L121" s="221" t="s">
        <v>363</v>
      </c>
      <c r="M121" s="184" t="s">
        <v>256</v>
      </c>
      <c r="N121" s="184"/>
      <c r="O121" s="221" t="s">
        <v>363</v>
      </c>
      <c r="P121" s="184" t="s">
        <v>257</v>
      </c>
      <c r="Q121" s="239"/>
      <c r="R121" s="221" t="s">
        <v>363</v>
      </c>
      <c r="S121" s="184" t="s">
        <v>273</v>
      </c>
      <c r="T121" s="184"/>
      <c r="U121" s="239"/>
      <c r="V121" s="239"/>
      <c r="W121" s="239"/>
      <c r="X121" s="209"/>
      <c r="Y121" s="140"/>
      <c r="Z121" s="138"/>
      <c r="AA121" s="138"/>
      <c r="AB121" s="141"/>
      <c r="AC121" s="354"/>
      <c r="AD121" s="354"/>
      <c r="AE121" s="354"/>
      <c r="AF121" s="354"/>
    </row>
    <row r="122" spans="1:33" ht="18.75" customHeight="1" x14ac:dyDescent="0.15">
      <c r="A122" s="213"/>
      <c r="B122" s="205"/>
      <c r="C122" s="163"/>
      <c r="D122" s="170"/>
      <c r="E122" s="150"/>
      <c r="F122" s="258"/>
      <c r="G122" s="150"/>
      <c r="H122" s="359" t="s">
        <v>224</v>
      </c>
      <c r="I122" s="373" t="s">
        <v>363</v>
      </c>
      <c r="J122" s="374" t="s">
        <v>250</v>
      </c>
      <c r="K122" s="374"/>
      <c r="L122" s="375" t="s">
        <v>363</v>
      </c>
      <c r="M122" s="374" t="s">
        <v>263</v>
      </c>
      <c r="N122" s="374"/>
      <c r="O122" s="186"/>
      <c r="P122" s="186"/>
      <c r="Q122" s="186"/>
      <c r="R122" s="186"/>
      <c r="S122" s="186"/>
      <c r="T122" s="186"/>
      <c r="U122" s="186"/>
      <c r="V122" s="186"/>
      <c r="W122" s="186"/>
      <c r="X122" s="187"/>
      <c r="Y122" s="140"/>
      <c r="Z122" s="138"/>
      <c r="AA122" s="138"/>
      <c r="AB122" s="141"/>
      <c r="AC122" s="354"/>
      <c r="AD122" s="354"/>
      <c r="AE122" s="354"/>
      <c r="AF122" s="354"/>
    </row>
    <row r="123" spans="1:33" s="161" customFormat="1" ht="18.75" customHeight="1" x14ac:dyDescent="0.15">
      <c r="A123" s="213"/>
      <c r="B123" s="205"/>
      <c r="C123" s="163"/>
      <c r="D123" s="170"/>
      <c r="E123" s="150"/>
      <c r="F123" s="258"/>
      <c r="G123" s="150"/>
      <c r="H123" s="360"/>
      <c r="I123" s="373"/>
      <c r="J123" s="374"/>
      <c r="K123" s="374"/>
      <c r="L123" s="375"/>
      <c r="M123" s="374"/>
      <c r="N123" s="374"/>
      <c r="O123" s="188"/>
      <c r="P123" s="188"/>
      <c r="Q123" s="188"/>
      <c r="R123" s="188"/>
      <c r="S123" s="188"/>
      <c r="T123" s="188"/>
      <c r="U123" s="188"/>
      <c r="V123" s="188"/>
      <c r="W123" s="188"/>
      <c r="X123" s="189"/>
      <c r="Y123" s="140"/>
      <c r="Z123" s="138"/>
      <c r="AA123" s="138"/>
      <c r="AB123" s="141"/>
      <c r="AC123" s="354"/>
      <c r="AD123" s="354"/>
      <c r="AE123" s="354"/>
      <c r="AF123" s="354"/>
    </row>
    <row r="124" spans="1:33" ht="18.75" customHeight="1" x14ac:dyDescent="0.15">
      <c r="A124" s="213"/>
      <c r="B124" s="205"/>
      <c r="C124" s="163"/>
      <c r="D124" s="170"/>
      <c r="E124" s="150"/>
      <c r="F124" s="258"/>
      <c r="G124" s="150"/>
      <c r="H124" s="206" t="s">
        <v>135</v>
      </c>
      <c r="I124" s="220" t="s">
        <v>363</v>
      </c>
      <c r="J124" s="184" t="s">
        <v>250</v>
      </c>
      <c r="K124" s="184"/>
      <c r="L124" s="221" t="s">
        <v>363</v>
      </c>
      <c r="M124" s="184" t="s">
        <v>256</v>
      </c>
      <c r="N124" s="184"/>
      <c r="O124" s="221" t="s">
        <v>363</v>
      </c>
      <c r="P124" s="184" t="s">
        <v>257</v>
      </c>
      <c r="Q124" s="166"/>
      <c r="R124" s="221" t="s">
        <v>363</v>
      </c>
      <c r="S124" s="184" t="s">
        <v>258</v>
      </c>
      <c r="T124" s="166"/>
      <c r="U124" s="166"/>
      <c r="V124" s="166"/>
      <c r="W124" s="166"/>
      <c r="X124" s="211"/>
      <c r="Y124" s="140"/>
      <c r="Z124" s="138"/>
      <c r="AA124" s="138"/>
      <c r="AB124" s="141"/>
      <c r="AC124" s="354"/>
      <c r="AD124" s="354"/>
      <c r="AE124" s="354"/>
      <c r="AF124" s="354"/>
    </row>
    <row r="125" spans="1:33" s="307" customFormat="1" ht="18.75" customHeight="1" x14ac:dyDescent="0.15">
      <c r="A125" s="213"/>
      <c r="B125" s="205"/>
      <c r="C125" s="163"/>
      <c r="D125" s="170"/>
      <c r="E125" s="150"/>
      <c r="F125" s="308"/>
      <c r="G125" s="150"/>
      <c r="H125" s="305" t="s">
        <v>467</v>
      </c>
      <c r="I125" s="302" t="s">
        <v>363</v>
      </c>
      <c r="J125" s="186" t="s">
        <v>464</v>
      </c>
      <c r="K125" s="186"/>
      <c r="L125" s="304" t="s">
        <v>363</v>
      </c>
      <c r="M125" s="186" t="s">
        <v>465</v>
      </c>
      <c r="N125" s="186"/>
      <c r="O125" s="304" t="s">
        <v>363</v>
      </c>
      <c r="P125" s="186" t="s">
        <v>466</v>
      </c>
      <c r="Q125" s="176"/>
      <c r="R125" s="304"/>
      <c r="S125" s="186"/>
      <c r="T125" s="176"/>
      <c r="U125" s="176"/>
      <c r="V125" s="176"/>
      <c r="W125" s="176"/>
      <c r="X125" s="177"/>
      <c r="Y125" s="140"/>
      <c r="Z125" s="138"/>
      <c r="AA125" s="138"/>
      <c r="AB125" s="141"/>
      <c r="AC125" s="355"/>
      <c r="AD125" s="355"/>
      <c r="AE125" s="355"/>
      <c r="AF125" s="355"/>
    </row>
    <row r="126" spans="1:33" ht="18.75" customHeight="1" x14ac:dyDescent="0.15">
      <c r="A126" s="215"/>
      <c r="B126" s="247"/>
      <c r="C126" s="164"/>
      <c r="D126" s="156"/>
      <c r="E126" s="152"/>
      <c r="F126" s="254"/>
      <c r="G126" s="152"/>
      <c r="H126" s="316" t="s">
        <v>468</v>
      </c>
      <c r="I126" s="309" t="s">
        <v>363</v>
      </c>
      <c r="J126" s="310" t="s">
        <v>250</v>
      </c>
      <c r="K126" s="310"/>
      <c r="L126" s="311" t="s">
        <v>363</v>
      </c>
      <c r="M126" s="310" t="s">
        <v>263</v>
      </c>
      <c r="N126" s="310"/>
      <c r="O126" s="310"/>
      <c r="P126" s="310"/>
      <c r="Q126" s="312"/>
      <c r="R126" s="312"/>
      <c r="S126" s="312"/>
      <c r="T126" s="312"/>
      <c r="U126" s="312"/>
      <c r="V126" s="312"/>
      <c r="W126" s="312"/>
      <c r="X126" s="313"/>
      <c r="Y126" s="327"/>
      <c r="Z126" s="196"/>
      <c r="AA126" s="196"/>
      <c r="AB126" s="197"/>
      <c r="AC126" s="356"/>
      <c r="AD126" s="356"/>
      <c r="AE126" s="356"/>
      <c r="AF126" s="356"/>
    </row>
    <row r="127" spans="1:33" ht="18.75" customHeight="1" x14ac:dyDescent="0.15">
      <c r="A127" s="108"/>
      <c r="B127" s="245"/>
      <c r="C127" s="162"/>
      <c r="D127" s="153"/>
      <c r="E127" s="110"/>
      <c r="F127" s="153"/>
      <c r="G127" s="175"/>
      <c r="H127" s="372" t="s">
        <v>199</v>
      </c>
      <c r="I127" s="228" t="s">
        <v>363</v>
      </c>
      <c r="J127" s="109" t="s">
        <v>282</v>
      </c>
      <c r="K127" s="181"/>
      <c r="L127" s="257"/>
      <c r="M127" s="229" t="s">
        <v>363</v>
      </c>
      <c r="N127" s="109" t="s">
        <v>306</v>
      </c>
      <c r="O127" s="154"/>
      <c r="P127" s="154"/>
      <c r="Q127" s="229" t="s">
        <v>363</v>
      </c>
      <c r="R127" s="109" t="s">
        <v>307</v>
      </c>
      <c r="S127" s="154"/>
      <c r="T127" s="154"/>
      <c r="U127" s="229" t="s">
        <v>363</v>
      </c>
      <c r="V127" s="109" t="s">
        <v>308</v>
      </c>
      <c r="W127" s="154"/>
      <c r="X127" s="155"/>
      <c r="Y127" s="229" t="s">
        <v>363</v>
      </c>
      <c r="Z127" s="109" t="s">
        <v>249</v>
      </c>
      <c r="AA127" s="109"/>
      <c r="AB127" s="194"/>
      <c r="AC127" s="352"/>
      <c r="AD127" s="352"/>
      <c r="AE127" s="352"/>
      <c r="AF127" s="352"/>
      <c r="AG127" s="100"/>
    </row>
    <row r="128" spans="1:33" s="161" customFormat="1" ht="18.75" customHeight="1" x14ac:dyDescent="0.15">
      <c r="A128" s="213"/>
      <c r="B128" s="205"/>
      <c r="C128" s="163"/>
      <c r="D128" s="170"/>
      <c r="E128" s="139"/>
      <c r="F128" s="170"/>
      <c r="G128" s="150"/>
      <c r="H128" s="358"/>
      <c r="I128" s="241" t="s">
        <v>363</v>
      </c>
      <c r="J128" s="188" t="s">
        <v>309</v>
      </c>
      <c r="K128" s="190"/>
      <c r="L128" s="203"/>
      <c r="M128" s="243" t="s">
        <v>363</v>
      </c>
      <c r="N128" s="188" t="s">
        <v>283</v>
      </c>
      <c r="O128" s="237"/>
      <c r="P128" s="237"/>
      <c r="Q128" s="237"/>
      <c r="R128" s="237"/>
      <c r="S128" s="237"/>
      <c r="T128" s="237"/>
      <c r="U128" s="237"/>
      <c r="V128" s="237"/>
      <c r="W128" s="237"/>
      <c r="X128" s="204"/>
      <c r="Y128" s="214" t="s">
        <v>363</v>
      </c>
      <c r="Z128" s="143" t="s">
        <v>253</v>
      </c>
      <c r="AA128" s="138"/>
      <c r="AB128" s="141"/>
      <c r="AC128" s="353"/>
      <c r="AD128" s="353"/>
      <c r="AE128" s="353"/>
      <c r="AF128" s="353"/>
      <c r="AG128" s="100"/>
    </row>
    <row r="129" spans="1:32" ht="18.75" customHeight="1" x14ac:dyDescent="0.15">
      <c r="A129" s="213"/>
      <c r="B129" s="205"/>
      <c r="C129" s="163"/>
      <c r="D129" s="170"/>
      <c r="E129" s="139"/>
      <c r="F129" s="170"/>
      <c r="G129" s="150"/>
      <c r="H129" s="252" t="s">
        <v>109</v>
      </c>
      <c r="I129" s="220" t="s">
        <v>363</v>
      </c>
      <c r="J129" s="184" t="s">
        <v>250</v>
      </c>
      <c r="K129" s="184"/>
      <c r="L129" s="212"/>
      <c r="M129" s="221" t="s">
        <v>363</v>
      </c>
      <c r="N129" s="184" t="s">
        <v>274</v>
      </c>
      <c r="O129" s="184"/>
      <c r="P129" s="212"/>
      <c r="Q129" s="221" t="s">
        <v>363</v>
      </c>
      <c r="R129" s="239" t="s">
        <v>275</v>
      </c>
      <c r="S129" s="239"/>
      <c r="T129" s="239"/>
      <c r="U129" s="221" t="s">
        <v>363</v>
      </c>
      <c r="V129" s="239" t="s">
        <v>276</v>
      </c>
      <c r="W129" s="166"/>
      <c r="X129" s="211"/>
      <c r="Y129" s="140"/>
      <c r="Z129" s="138"/>
      <c r="AA129" s="138"/>
      <c r="AB129" s="141"/>
      <c r="AC129" s="354"/>
      <c r="AD129" s="354"/>
      <c r="AE129" s="354"/>
      <c r="AF129" s="354"/>
    </row>
    <row r="130" spans="1:32" ht="18.75" customHeight="1" x14ac:dyDescent="0.15">
      <c r="A130" s="213"/>
      <c r="B130" s="205"/>
      <c r="C130" s="163"/>
      <c r="D130" s="170"/>
      <c r="E130" s="139"/>
      <c r="F130" s="170"/>
      <c r="G130" s="150"/>
      <c r="H130" s="252" t="s">
        <v>117</v>
      </c>
      <c r="I130" s="220" t="s">
        <v>363</v>
      </c>
      <c r="J130" s="184" t="s">
        <v>282</v>
      </c>
      <c r="K130" s="182"/>
      <c r="L130" s="212"/>
      <c r="M130" s="221" t="s">
        <v>363</v>
      </c>
      <c r="N130" s="184" t="s">
        <v>310</v>
      </c>
      <c r="O130" s="239"/>
      <c r="P130" s="239"/>
      <c r="Q130" s="239"/>
      <c r="R130" s="239"/>
      <c r="S130" s="239"/>
      <c r="T130" s="239"/>
      <c r="U130" s="239"/>
      <c r="V130" s="239"/>
      <c r="W130" s="239"/>
      <c r="X130" s="209"/>
      <c r="Y130" s="140"/>
      <c r="Z130" s="138"/>
      <c r="AA130" s="138"/>
      <c r="AB130" s="141"/>
      <c r="AC130" s="354"/>
      <c r="AD130" s="354"/>
      <c r="AE130" s="354"/>
      <c r="AF130" s="354"/>
    </row>
    <row r="131" spans="1:32" ht="18.75" customHeight="1" x14ac:dyDescent="0.15">
      <c r="A131" s="213"/>
      <c r="B131" s="205"/>
      <c r="C131" s="163"/>
      <c r="D131" s="170"/>
      <c r="E131" s="139"/>
      <c r="F131" s="230" t="s">
        <v>363</v>
      </c>
      <c r="G131" s="150" t="s">
        <v>318</v>
      </c>
      <c r="H131" s="252" t="s">
        <v>114</v>
      </c>
      <c r="I131" s="220" t="s">
        <v>363</v>
      </c>
      <c r="J131" s="184" t="s">
        <v>384</v>
      </c>
      <c r="K131" s="182"/>
      <c r="L131" s="212"/>
      <c r="M131" s="221" t="s">
        <v>363</v>
      </c>
      <c r="N131" s="184" t="s">
        <v>311</v>
      </c>
      <c r="O131" s="166"/>
      <c r="P131" s="166"/>
      <c r="Q131" s="166"/>
      <c r="R131" s="239"/>
      <c r="S131" s="166"/>
      <c r="T131" s="166"/>
      <c r="U131" s="166"/>
      <c r="V131" s="166"/>
      <c r="W131" s="166"/>
      <c r="X131" s="211"/>
      <c r="Y131" s="140"/>
      <c r="Z131" s="138"/>
      <c r="AA131" s="138"/>
      <c r="AB131" s="141"/>
      <c r="AC131" s="354"/>
      <c r="AD131" s="354"/>
      <c r="AE131" s="354"/>
      <c r="AF131" s="354"/>
    </row>
    <row r="132" spans="1:32" ht="18.75" customHeight="1" x14ac:dyDescent="0.15">
      <c r="A132" s="213"/>
      <c r="B132" s="205"/>
      <c r="C132" s="163"/>
      <c r="D132" s="170"/>
      <c r="E132" s="139"/>
      <c r="F132" s="170"/>
      <c r="G132" s="150" t="s">
        <v>319</v>
      </c>
      <c r="H132" s="252" t="s">
        <v>133</v>
      </c>
      <c r="I132" s="220" t="s">
        <v>363</v>
      </c>
      <c r="J132" s="184" t="s">
        <v>250</v>
      </c>
      <c r="K132" s="182"/>
      <c r="L132" s="221" t="s">
        <v>363</v>
      </c>
      <c r="M132" s="184" t="s">
        <v>263</v>
      </c>
      <c r="N132" s="166"/>
      <c r="O132" s="166"/>
      <c r="P132" s="166"/>
      <c r="Q132" s="166"/>
      <c r="R132" s="166"/>
      <c r="S132" s="166"/>
      <c r="T132" s="166"/>
      <c r="U132" s="166"/>
      <c r="V132" s="166"/>
      <c r="W132" s="166"/>
      <c r="X132" s="211"/>
      <c r="Y132" s="140"/>
      <c r="Z132" s="138"/>
      <c r="AA132" s="138"/>
      <c r="AB132" s="141"/>
      <c r="AC132" s="354"/>
      <c r="AD132" s="354"/>
      <c r="AE132" s="354"/>
      <c r="AF132" s="354"/>
    </row>
    <row r="133" spans="1:32" ht="18.75" customHeight="1" x14ac:dyDescent="0.15">
      <c r="A133" s="213"/>
      <c r="B133" s="205"/>
      <c r="C133" s="163"/>
      <c r="D133" s="170"/>
      <c r="E133" s="139"/>
      <c r="F133" s="230" t="s">
        <v>363</v>
      </c>
      <c r="G133" s="150" t="s">
        <v>320</v>
      </c>
      <c r="H133" s="252" t="s">
        <v>110</v>
      </c>
      <c r="I133" s="220" t="s">
        <v>363</v>
      </c>
      <c r="J133" s="184" t="s">
        <v>261</v>
      </c>
      <c r="K133" s="182"/>
      <c r="L133" s="212"/>
      <c r="M133" s="221" t="s">
        <v>363</v>
      </c>
      <c r="N133" s="184" t="s">
        <v>262</v>
      </c>
      <c r="O133" s="166"/>
      <c r="P133" s="166"/>
      <c r="Q133" s="166"/>
      <c r="R133" s="166"/>
      <c r="S133" s="166"/>
      <c r="T133" s="166"/>
      <c r="U133" s="166"/>
      <c r="V133" s="166"/>
      <c r="W133" s="166"/>
      <c r="X133" s="211"/>
      <c r="Y133" s="140"/>
      <c r="Z133" s="138"/>
      <c r="AA133" s="138"/>
      <c r="AB133" s="141"/>
      <c r="AC133" s="354"/>
      <c r="AD133" s="354"/>
      <c r="AE133" s="354"/>
      <c r="AF133" s="354"/>
    </row>
    <row r="134" spans="1:32" ht="18.75" customHeight="1" x14ac:dyDescent="0.15">
      <c r="A134" s="213"/>
      <c r="B134" s="205"/>
      <c r="C134" s="163"/>
      <c r="D134" s="170"/>
      <c r="E134" s="139"/>
      <c r="F134" s="170"/>
      <c r="G134" s="150" t="s">
        <v>321</v>
      </c>
      <c r="H134" s="252" t="s">
        <v>126</v>
      </c>
      <c r="I134" s="220" t="s">
        <v>363</v>
      </c>
      <c r="J134" s="184" t="s">
        <v>250</v>
      </c>
      <c r="K134" s="182"/>
      <c r="L134" s="221" t="s">
        <v>363</v>
      </c>
      <c r="M134" s="184" t="s">
        <v>263</v>
      </c>
      <c r="N134" s="166"/>
      <c r="O134" s="166"/>
      <c r="P134" s="166"/>
      <c r="Q134" s="166"/>
      <c r="R134" s="166"/>
      <c r="S134" s="166"/>
      <c r="T134" s="166"/>
      <c r="U134" s="166"/>
      <c r="V134" s="166"/>
      <c r="W134" s="166"/>
      <c r="X134" s="211"/>
      <c r="Y134" s="140"/>
      <c r="Z134" s="138"/>
      <c r="AA134" s="138"/>
      <c r="AB134" s="141"/>
      <c r="AC134" s="354"/>
      <c r="AD134" s="354"/>
      <c r="AE134" s="354"/>
      <c r="AF134" s="354"/>
    </row>
    <row r="135" spans="1:32" ht="18.75" customHeight="1" x14ac:dyDescent="0.15">
      <c r="A135" s="213"/>
      <c r="B135" s="205"/>
      <c r="C135" s="163"/>
      <c r="D135" s="230" t="s">
        <v>363</v>
      </c>
      <c r="E135" s="139" t="s">
        <v>202</v>
      </c>
      <c r="F135" s="230" t="s">
        <v>363</v>
      </c>
      <c r="G135" s="150" t="s">
        <v>322</v>
      </c>
      <c r="H135" s="252" t="s">
        <v>201</v>
      </c>
      <c r="I135" s="220" t="s">
        <v>363</v>
      </c>
      <c r="J135" s="184" t="s">
        <v>250</v>
      </c>
      <c r="K135" s="184"/>
      <c r="L135" s="221" t="s">
        <v>363</v>
      </c>
      <c r="M135" s="184" t="s">
        <v>251</v>
      </c>
      <c r="N135" s="184"/>
      <c r="O135" s="221" t="s">
        <v>363</v>
      </c>
      <c r="P135" s="184" t="s">
        <v>252</v>
      </c>
      <c r="Q135" s="166"/>
      <c r="R135" s="166"/>
      <c r="S135" s="166"/>
      <c r="T135" s="166"/>
      <c r="U135" s="166"/>
      <c r="V135" s="166"/>
      <c r="W135" s="166"/>
      <c r="X135" s="211"/>
      <c r="Y135" s="140"/>
      <c r="Z135" s="138"/>
      <c r="AA135" s="138"/>
      <c r="AB135" s="141"/>
      <c r="AC135" s="354"/>
      <c r="AD135" s="354"/>
      <c r="AE135" s="354"/>
      <c r="AF135" s="354"/>
    </row>
    <row r="136" spans="1:32" ht="18.75" customHeight="1" x14ac:dyDescent="0.15">
      <c r="A136" s="213"/>
      <c r="B136" s="205"/>
      <c r="C136" s="163"/>
      <c r="D136" s="170"/>
      <c r="E136" s="139"/>
      <c r="F136" s="170"/>
      <c r="G136" s="150" t="s">
        <v>323</v>
      </c>
      <c r="H136" s="357" t="s">
        <v>115</v>
      </c>
      <c r="I136" s="240" t="s">
        <v>363</v>
      </c>
      <c r="J136" s="186" t="s">
        <v>298</v>
      </c>
      <c r="K136" s="186"/>
      <c r="L136" s="176"/>
      <c r="M136" s="176"/>
      <c r="N136" s="176"/>
      <c r="O136" s="176"/>
      <c r="P136" s="242" t="s">
        <v>363</v>
      </c>
      <c r="Q136" s="186" t="s">
        <v>299</v>
      </c>
      <c r="R136" s="176"/>
      <c r="S136" s="176"/>
      <c r="T136" s="176"/>
      <c r="U136" s="176"/>
      <c r="V136" s="176"/>
      <c r="W136" s="176"/>
      <c r="X136" s="177"/>
      <c r="Y136" s="140"/>
      <c r="Z136" s="138"/>
      <c r="AA136" s="138"/>
      <c r="AB136" s="141"/>
      <c r="AC136" s="354"/>
      <c r="AD136" s="354"/>
      <c r="AE136" s="354"/>
      <c r="AF136" s="354"/>
    </row>
    <row r="137" spans="1:32" s="161" customFormat="1" ht="18.75" customHeight="1" x14ac:dyDescent="0.15">
      <c r="A137" s="213"/>
      <c r="B137" s="205"/>
      <c r="C137" s="163"/>
      <c r="D137" s="170"/>
      <c r="E137" s="139"/>
      <c r="F137" s="230" t="s">
        <v>363</v>
      </c>
      <c r="G137" s="150" t="s">
        <v>324</v>
      </c>
      <c r="H137" s="358"/>
      <c r="I137" s="241" t="s">
        <v>363</v>
      </c>
      <c r="J137" s="188" t="s">
        <v>312</v>
      </c>
      <c r="K137" s="178"/>
      <c r="L137" s="178"/>
      <c r="M137" s="178"/>
      <c r="N137" s="178"/>
      <c r="O137" s="178"/>
      <c r="P137" s="178"/>
      <c r="Q137" s="237"/>
      <c r="R137" s="178"/>
      <c r="S137" s="178"/>
      <c r="T137" s="178"/>
      <c r="U137" s="178"/>
      <c r="V137" s="178"/>
      <c r="W137" s="178"/>
      <c r="X137" s="179"/>
      <c r="Y137" s="140"/>
      <c r="Z137" s="138"/>
      <c r="AA137" s="138"/>
      <c r="AB137" s="141"/>
      <c r="AC137" s="354"/>
      <c r="AD137" s="354"/>
      <c r="AE137" s="354"/>
      <c r="AF137" s="354"/>
    </row>
    <row r="138" spans="1:32" ht="18.75" customHeight="1" x14ac:dyDescent="0.15">
      <c r="A138" s="213"/>
      <c r="B138" s="205"/>
      <c r="C138" s="163"/>
      <c r="D138" s="170"/>
      <c r="E138" s="139"/>
      <c r="F138" s="170"/>
      <c r="G138" s="150" t="s">
        <v>319</v>
      </c>
      <c r="H138" s="357" t="s">
        <v>116</v>
      </c>
      <c r="I138" s="240" t="s">
        <v>363</v>
      </c>
      <c r="J138" s="186" t="s">
        <v>313</v>
      </c>
      <c r="K138" s="192"/>
      <c r="L138" s="200"/>
      <c r="M138" s="242" t="s">
        <v>363</v>
      </c>
      <c r="N138" s="186" t="s">
        <v>314</v>
      </c>
      <c r="O138" s="176"/>
      <c r="P138" s="176"/>
      <c r="Q138" s="242" t="s">
        <v>363</v>
      </c>
      <c r="R138" s="186" t="s">
        <v>315</v>
      </c>
      <c r="S138" s="176"/>
      <c r="T138" s="176"/>
      <c r="U138" s="176"/>
      <c r="V138" s="176"/>
      <c r="W138" s="176"/>
      <c r="X138" s="177"/>
      <c r="Y138" s="140"/>
      <c r="Z138" s="138"/>
      <c r="AA138" s="138"/>
      <c r="AB138" s="141"/>
      <c r="AC138" s="354"/>
      <c r="AD138" s="354"/>
      <c r="AE138" s="354"/>
      <c r="AF138" s="354"/>
    </row>
    <row r="139" spans="1:32" s="161" customFormat="1" ht="18.75" customHeight="1" x14ac:dyDescent="0.15">
      <c r="A139" s="213"/>
      <c r="B139" s="205"/>
      <c r="C139" s="163"/>
      <c r="D139" s="170"/>
      <c r="E139" s="139"/>
      <c r="F139" s="230" t="s">
        <v>363</v>
      </c>
      <c r="G139" s="150" t="s">
        <v>325</v>
      </c>
      <c r="H139" s="358"/>
      <c r="I139" s="241" t="s">
        <v>363</v>
      </c>
      <c r="J139" s="188" t="s">
        <v>316</v>
      </c>
      <c r="K139" s="178"/>
      <c r="L139" s="178"/>
      <c r="M139" s="178"/>
      <c r="N139" s="178"/>
      <c r="O139" s="178"/>
      <c r="P139" s="178"/>
      <c r="Q139" s="243" t="s">
        <v>363</v>
      </c>
      <c r="R139" s="188" t="s">
        <v>317</v>
      </c>
      <c r="S139" s="237"/>
      <c r="T139" s="178"/>
      <c r="U139" s="178"/>
      <c r="V139" s="178"/>
      <c r="W139" s="178"/>
      <c r="X139" s="179"/>
      <c r="Y139" s="140"/>
      <c r="Z139" s="138"/>
      <c r="AA139" s="138"/>
      <c r="AB139" s="141"/>
      <c r="AC139" s="354"/>
      <c r="AD139" s="354"/>
      <c r="AE139" s="354"/>
      <c r="AF139" s="354"/>
    </row>
    <row r="140" spans="1:32" ht="18.75" customHeight="1" x14ac:dyDescent="0.15">
      <c r="A140" s="213"/>
      <c r="B140" s="205"/>
      <c r="C140" s="163"/>
      <c r="D140" s="170"/>
      <c r="E140" s="139"/>
      <c r="F140" s="170"/>
      <c r="G140" s="150" t="s">
        <v>326</v>
      </c>
      <c r="H140" s="252" t="s">
        <v>131</v>
      </c>
      <c r="I140" s="220" t="s">
        <v>363</v>
      </c>
      <c r="J140" s="184" t="s">
        <v>250</v>
      </c>
      <c r="K140" s="184"/>
      <c r="L140" s="221" t="s">
        <v>363</v>
      </c>
      <c r="M140" s="184" t="s">
        <v>256</v>
      </c>
      <c r="N140" s="184"/>
      <c r="O140" s="221" t="s">
        <v>363</v>
      </c>
      <c r="P140" s="184" t="s">
        <v>257</v>
      </c>
      <c r="Q140" s="239"/>
      <c r="R140" s="221" t="s">
        <v>363</v>
      </c>
      <c r="S140" s="184" t="s">
        <v>273</v>
      </c>
      <c r="T140" s="239"/>
      <c r="U140" s="239"/>
      <c r="V140" s="239"/>
      <c r="W140" s="239"/>
      <c r="X140" s="209"/>
      <c r="Y140" s="140"/>
      <c r="Z140" s="138"/>
      <c r="AA140" s="138"/>
      <c r="AB140" s="141"/>
      <c r="AC140" s="354"/>
      <c r="AD140" s="354"/>
      <c r="AE140" s="354"/>
      <c r="AF140" s="354"/>
    </row>
    <row r="141" spans="1:32" ht="18.75" customHeight="1" x14ac:dyDescent="0.15">
      <c r="A141" s="213"/>
      <c r="B141" s="205"/>
      <c r="C141" s="163"/>
      <c r="D141" s="170"/>
      <c r="E141" s="139"/>
      <c r="F141" s="230" t="s">
        <v>363</v>
      </c>
      <c r="G141" s="150" t="s">
        <v>327</v>
      </c>
      <c r="H141" s="359" t="s">
        <v>224</v>
      </c>
      <c r="I141" s="373" t="s">
        <v>363</v>
      </c>
      <c r="J141" s="374" t="s">
        <v>250</v>
      </c>
      <c r="K141" s="374"/>
      <c r="L141" s="375" t="s">
        <v>363</v>
      </c>
      <c r="M141" s="374" t="s">
        <v>263</v>
      </c>
      <c r="N141" s="374"/>
      <c r="O141" s="238"/>
      <c r="P141" s="238"/>
      <c r="Q141" s="238"/>
      <c r="R141" s="238"/>
      <c r="S141" s="238"/>
      <c r="T141" s="238"/>
      <c r="U141" s="238"/>
      <c r="V141" s="238"/>
      <c r="W141" s="238"/>
      <c r="X141" s="199"/>
      <c r="Y141" s="140"/>
      <c r="Z141" s="138"/>
      <c r="AA141" s="138"/>
      <c r="AB141" s="141"/>
      <c r="AC141" s="354"/>
      <c r="AD141" s="354"/>
      <c r="AE141" s="354"/>
      <c r="AF141" s="354"/>
    </row>
    <row r="142" spans="1:32" s="161" customFormat="1" ht="18.75" customHeight="1" x14ac:dyDescent="0.15">
      <c r="A142" s="213"/>
      <c r="B142" s="205"/>
      <c r="C142" s="163"/>
      <c r="D142" s="170"/>
      <c r="E142" s="139"/>
      <c r="F142" s="170"/>
      <c r="G142" s="150"/>
      <c r="H142" s="360"/>
      <c r="I142" s="373"/>
      <c r="J142" s="374"/>
      <c r="K142" s="374"/>
      <c r="L142" s="375"/>
      <c r="M142" s="374"/>
      <c r="N142" s="374"/>
      <c r="O142" s="237"/>
      <c r="P142" s="237"/>
      <c r="Q142" s="237"/>
      <c r="R142" s="237"/>
      <c r="S142" s="237"/>
      <c r="T142" s="237"/>
      <c r="U142" s="237"/>
      <c r="V142" s="237"/>
      <c r="W142" s="237"/>
      <c r="X142" s="204"/>
      <c r="Y142" s="140"/>
      <c r="Z142" s="138"/>
      <c r="AA142" s="138"/>
      <c r="AB142" s="141"/>
      <c r="AC142" s="354"/>
      <c r="AD142" s="354"/>
      <c r="AE142" s="354"/>
      <c r="AF142" s="354"/>
    </row>
    <row r="143" spans="1:32" ht="18.75" customHeight="1" x14ac:dyDescent="0.15">
      <c r="A143" s="213"/>
      <c r="B143" s="205"/>
      <c r="C143" s="163"/>
      <c r="D143" s="170"/>
      <c r="E143" s="139"/>
      <c r="F143" s="170"/>
      <c r="G143" s="150"/>
      <c r="H143" s="206" t="s">
        <v>135</v>
      </c>
      <c r="I143" s="220" t="s">
        <v>363</v>
      </c>
      <c r="J143" s="184" t="s">
        <v>250</v>
      </c>
      <c r="K143" s="184"/>
      <c r="L143" s="221" t="s">
        <v>363</v>
      </c>
      <c r="M143" s="184" t="s">
        <v>256</v>
      </c>
      <c r="N143" s="184"/>
      <c r="O143" s="221" t="s">
        <v>363</v>
      </c>
      <c r="P143" s="184" t="s">
        <v>257</v>
      </c>
      <c r="Q143" s="239"/>
      <c r="R143" s="221" t="s">
        <v>363</v>
      </c>
      <c r="S143" s="184" t="s">
        <v>258</v>
      </c>
      <c r="T143" s="166"/>
      <c r="U143" s="166"/>
      <c r="V143" s="166"/>
      <c r="W143" s="166"/>
      <c r="X143" s="211"/>
      <c r="Y143" s="140"/>
      <c r="Z143" s="138"/>
      <c r="AA143" s="138"/>
      <c r="AB143" s="141"/>
      <c r="AC143" s="354"/>
      <c r="AD143" s="354"/>
      <c r="AE143" s="354"/>
      <c r="AF143" s="354"/>
    </row>
    <row r="144" spans="1:32" s="307" customFormat="1" ht="18.75" customHeight="1" x14ac:dyDescent="0.15">
      <c r="A144" s="213"/>
      <c r="B144" s="205"/>
      <c r="C144" s="163"/>
      <c r="D144" s="170"/>
      <c r="E144" s="139"/>
      <c r="F144" s="170"/>
      <c r="G144" s="150"/>
      <c r="H144" s="305" t="s">
        <v>467</v>
      </c>
      <c r="I144" s="302" t="s">
        <v>363</v>
      </c>
      <c r="J144" s="186" t="s">
        <v>464</v>
      </c>
      <c r="K144" s="186"/>
      <c r="L144" s="304" t="s">
        <v>363</v>
      </c>
      <c r="M144" s="186" t="s">
        <v>465</v>
      </c>
      <c r="N144" s="186"/>
      <c r="O144" s="304" t="s">
        <v>363</v>
      </c>
      <c r="P144" s="186" t="s">
        <v>466</v>
      </c>
      <c r="Q144" s="303"/>
      <c r="R144" s="304"/>
      <c r="S144" s="186"/>
      <c r="T144" s="176"/>
      <c r="U144" s="176"/>
      <c r="V144" s="176"/>
      <c r="W144" s="176"/>
      <c r="X144" s="177"/>
      <c r="Y144" s="140"/>
      <c r="Z144" s="138"/>
      <c r="AA144" s="138"/>
      <c r="AB144" s="141"/>
      <c r="AC144" s="355"/>
      <c r="AD144" s="355"/>
      <c r="AE144" s="355"/>
      <c r="AF144" s="355"/>
    </row>
    <row r="145" spans="1:32" ht="18.75" customHeight="1" x14ac:dyDescent="0.15">
      <c r="A145" s="213"/>
      <c r="B145" s="205"/>
      <c r="C145" s="163"/>
      <c r="D145" s="156"/>
      <c r="E145" s="198"/>
      <c r="F145" s="156"/>
      <c r="G145" s="152"/>
      <c r="H145" s="316" t="s">
        <v>468</v>
      </c>
      <c r="I145" s="309" t="s">
        <v>363</v>
      </c>
      <c r="J145" s="310" t="s">
        <v>250</v>
      </c>
      <c r="K145" s="310"/>
      <c r="L145" s="311" t="s">
        <v>363</v>
      </c>
      <c r="M145" s="310" t="s">
        <v>263</v>
      </c>
      <c r="N145" s="310"/>
      <c r="O145" s="311"/>
      <c r="P145" s="310"/>
      <c r="Q145" s="312"/>
      <c r="R145" s="312"/>
      <c r="S145" s="312"/>
      <c r="T145" s="312"/>
      <c r="U145" s="312"/>
      <c r="V145" s="312"/>
      <c r="W145" s="312"/>
      <c r="X145" s="313"/>
      <c r="Y145" s="195"/>
      <c r="Z145" s="196"/>
      <c r="AA145" s="196"/>
      <c r="AB145" s="197"/>
      <c r="AC145" s="356"/>
      <c r="AD145" s="356"/>
      <c r="AE145" s="356"/>
      <c r="AF145" s="356"/>
    </row>
    <row r="146" spans="1:32" ht="18.75" customHeight="1" x14ac:dyDescent="0.15">
      <c r="A146" s="230" t="s">
        <v>363</v>
      </c>
      <c r="B146" s="205">
        <v>26</v>
      </c>
      <c r="C146" s="163" t="s">
        <v>85</v>
      </c>
      <c r="D146" s="153"/>
      <c r="E146" s="175"/>
      <c r="F146" s="256"/>
      <c r="G146" s="175"/>
      <c r="H146" s="378" t="s">
        <v>111</v>
      </c>
      <c r="I146" s="228" t="s">
        <v>363</v>
      </c>
      <c r="J146" s="109" t="s">
        <v>282</v>
      </c>
      <c r="K146" s="181"/>
      <c r="L146" s="257"/>
      <c r="M146" s="229" t="s">
        <v>363</v>
      </c>
      <c r="N146" s="109" t="s">
        <v>306</v>
      </c>
      <c r="O146" s="154"/>
      <c r="P146" s="154"/>
      <c r="Q146" s="229" t="s">
        <v>363</v>
      </c>
      <c r="R146" s="109" t="s">
        <v>307</v>
      </c>
      <c r="S146" s="154"/>
      <c r="T146" s="154"/>
      <c r="U146" s="229" t="s">
        <v>363</v>
      </c>
      <c r="V146" s="109" t="s">
        <v>308</v>
      </c>
      <c r="W146" s="154"/>
      <c r="X146" s="155"/>
      <c r="Y146" s="214" t="s">
        <v>363</v>
      </c>
      <c r="Z146" s="143" t="s">
        <v>249</v>
      </c>
      <c r="AA146" s="143"/>
      <c r="AB146" s="141"/>
      <c r="AC146" s="352"/>
      <c r="AD146" s="352"/>
      <c r="AE146" s="352"/>
      <c r="AF146" s="352"/>
    </row>
    <row r="147" spans="1:32" s="161" customFormat="1" ht="18.75" customHeight="1" x14ac:dyDescent="0.15">
      <c r="A147" s="213"/>
      <c r="B147" s="205"/>
      <c r="C147" s="163"/>
      <c r="D147" s="170"/>
      <c r="E147" s="150"/>
      <c r="F147" s="258"/>
      <c r="G147" s="150"/>
      <c r="H147" s="377"/>
      <c r="I147" s="241" t="s">
        <v>363</v>
      </c>
      <c r="J147" s="188" t="s">
        <v>309</v>
      </c>
      <c r="K147" s="190"/>
      <c r="L147" s="203"/>
      <c r="M147" s="243" t="s">
        <v>363</v>
      </c>
      <c r="N147" s="188" t="s">
        <v>283</v>
      </c>
      <c r="O147" s="237"/>
      <c r="P147" s="237"/>
      <c r="Q147" s="237"/>
      <c r="R147" s="237"/>
      <c r="S147" s="237"/>
      <c r="T147" s="237"/>
      <c r="U147" s="237"/>
      <c r="V147" s="237"/>
      <c r="W147" s="237"/>
      <c r="X147" s="204"/>
      <c r="Y147" s="214" t="s">
        <v>363</v>
      </c>
      <c r="Z147" s="143" t="s">
        <v>253</v>
      </c>
      <c r="AA147" s="138"/>
      <c r="AB147" s="141"/>
      <c r="AC147" s="353"/>
      <c r="AD147" s="353"/>
      <c r="AE147" s="353"/>
      <c r="AF147" s="353"/>
    </row>
    <row r="148" spans="1:32" ht="18.75" customHeight="1" x14ac:dyDescent="0.15">
      <c r="A148" s="213"/>
      <c r="B148" s="205"/>
      <c r="C148" s="163"/>
      <c r="D148" s="170"/>
      <c r="E148" s="150"/>
      <c r="F148" s="258"/>
      <c r="G148" s="150"/>
      <c r="H148" s="252" t="s">
        <v>109</v>
      </c>
      <c r="I148" s="220" t="s">
        <v>363</v>
      </c>
      <c r="J148" s="184" t="s">
        <v>250</v>
      </c>
      <c r="K148" s="184"/>
      <c r="L148" s="212"/>
      <c r="M148" s="221" t="s">
        <v>363</v>
      </c>
      <c r="N148" s="184" t="s">
        <v>274</v>
      </c>
      <c r="O148" s="184"/>
      <c r="P148" s="212"/>
      <c r="Q148" s="221" t="s">
        <v>363</v>
      </c>
      <c r="R148" s="239" t="s">
        <v>275</v>
      </c>
      <c r="S148" s="239"/>
      <c r="T148" s="239"/>
      <c r="U148" s="221" t="s">
        <v>363</v>
      </c>
      <c r="V148" s="239" t="s">
        <v>276</v>
      </c>
      <c r="W148" s="166"/>
      <c r="X148" s="211"/>
      <c r="Y148" s="140"/>
      <c r="Z148" s="138"/>
      <c r="AA148" s="138"/>
      <c r="AB148" s="141"/>
      <c r="AC148" s="354"/>
      <c r="AD148" s="354"/>
      <c r="AE148" s="354"/>
      <c r="AF148" s="354"/>
    </row>
    <row r="149" spans="1:32" ht="18.75" customHeight="1" x14ac:dyDescent="0.15">
      <c r="A149" s="213"/>
      <c r="B149" s="205"/>
      <c r="C149" s="163"/>
      <c r="D149" s="170"/>
      <c r="E149" s="150"/>
      <c r="F149" s="258"/>
      <c r="G149" s="150"/>
      <c r="H149" s="252" t="s">
        <v>112</v>
      </c>
      <c r="I149" s="220" t="s">
        <v>363</v>
      </c>
      <c r="J149" s="184" t="s">
        <v>261</v>
      </c>
      <c r="K149" s="182"/>
      <c r="L149" s="212"/>
      <c r="M149" s="221" t="s">
        <v>363</v>
      </c>
      <c r="N149" s="184" t="s">
        <v>262</v>
      </c>
      <c r="O149" s="166"/>
      <c r="P149" s="166"/>
      <c r="Q149" s="166"/>
      <c r="R149" s="166"/>
      <c r="S149" s="166"/>
      <c r="T149" s="166"/>
      <c r="U149" s="166"/>
      <c r="V149" s="166"/>
      <c r="W149" s="166"/>
      <c r="X149" s="211"/>
      <c r="Y149" s="140"/>
      <c r="Z149" s="138"/>
      <c r="AA149" s="138"/>
      <c r="AB149" s="141"/>
      <c r="AC149" s="354"/>
      <c r="AD149" s="354"/>
      <c r="AE149" s="354"/>
      <c r="AF149" s="354"/>
    </row>
    <row r="150" spans="1:32" ht="18.75" customHeight="1" x14ac:dyDescent="0.15">
      <c r="A150" s="213"/>
      <c r="B150" s="205"/>
      <c r="C150" s="163"/>
      <c r="D150" s="170"/>
      <c r="E150" s="150"/>
      <c r="F150" s="258"/>
      <c r="G150" s="150"/>
      <c r="H150" s="252" t="s">
        <v>117</v>
      </c>
      <c r="I150" s="220" t="s">
        <v>363</v>
      </c>
      <c r="J150" s="184" t="s">
        <v>282</v>
      </c>
      <c r="K150" s="182"/>
      <c r="L150" s="212"/>
      <c r="M150" s="221" t="s">
        <v>363</v>
      </c>
      <c r="N150" s="184" t="s">
        <v>310</v>
      </c>
      <c r="O150" s="239"/>
      <c r="P150" s="239"/>
      <c r="Q150" s="239"/>
      <c r="R150" s="239"/>
      <c r="S150" s="239"/>
      <c r="T150" s="239"/>
      <c r="U150" s="239"/>
      <c r="V150" s="239"/>
      <c r="W150" s="239"/>
      <c r="X150" s="209"/>
      <c r="Y150" s="140"/>
      <c r="Z150" s="138"/>
      <c r="AA150" s="138"/>
      <c r="AB150" s="141"/>
      <c r="AC150" s="354"/>
      <c r="AD150" s="354"/>
      <c r="AE150" s="354"/>
      <c r="AF150" s="354"/>
    </row>
    <row r="151" spans="1:32" ht="18.75" customHeight="1" x14ac:dyDescent="0.15">
      <c r="A151" s="213"/>
      <c r="B151" s="205"/>
      <c r="C151" s="163"/>
      <c r="D151" s="170"/>
      <c r="E151" s="150"/>
      <c r="F151" s="258"/>
      <c r="G151" s="150"/>
      <c r="H151" s="252" t="s">
        <v>114</v>
      </c>
      <c r="I151" s="220" t="s">
        <v>363</v>
      </c>
      <c r="J151" s="184" t="s">
        <v>384</v>
      </c>
      <c r="K151" s="182"/>
      <c r="L151" s="212"/>
      <c r="M151" s="221" t="s">
        <v>363</v>
      </c>
      <c r="N151" s="184" t="s">
        <v>311</v>
      </c>
      <c r="O151" s="166"/>
      <c r="P151" s="166"/>
      <c r="Q151" s="166"/>
      <c r="R151" s="239"/>
      <c r="S151" s="166"/>
      <c r="T151" s="166"/>
      <c r="U151" s="166"/>
      <c r="V151" s="166"/>
      <c r="W151" s="166"/>
      <c r="X151" s="211"/>
      <c r="Y151" s="140"/>
      <c r="Z151" s="138"/>
      <c r="AA151" s="138"/>
      <c r="AB151" s="141"/>
      <c r="AC151" s="354"/>
      <c r="AD151" s="354"/>
      <c r="AE151" s="354"/>
      <c r="AF151" s="354"/>
    </row>
    <row r="152" spans="1:32" ht="18.75" customHeight="1" x14ac:dyDescent="0.15">
      <c r="A152" s="213"/>
      <c r="B152" s="205"/>
      <c r="C152" s="163"/>
      <c r="D152" s="170"/>
      <c r="E152" s="150"/>
      <c r="F152" s="258"/>
      <c r="G152" s="150"/>
      <c r="H152" s="252" t="s">
        <v>133</v>
      </c>
      <c r="I152" s="220" t="s">
        <v>363</v>
      </c>
      <c r="J152" s="184" t="s">
        <v>250</v>
      </c>
      <c r="K152" s="182"/>
      <c r="L152" s="221" t="s">
        <v>363</v>
      </c>
      <c r="M152" s="184" t="s">
        <v>263</v>
      </c>
      <c r="N152" s="166"/>
      <c r="O152" s="166"/>
      <c r="P152" s="166"/>
      <c r="Q152" s="166"/>
      <c r="R152" s="166"/>
      <c r="S152" s="166"/>
      <c r="T152" s="166"/>
      <c r="U152" s="166"/>
      <c r="V152" s="166"/>
      <c r="W152" s="166"/>
      <c r="X152" s="211"/>
      <c r="Y152" s="140"/>
      <c r="Z152" s="138"/>
      <c r="AA152" s="138"/>
      <c r="AB152" s="141"/>
      <c r="AC152" s="354"/>
      <c r="AD152" s="354"/>
      <c r="AE152" s="354"/>
      <c r="AF152" s="354"/>
    </row>
    <row r="153" spans="1:32" ht="18.75" customHeight="1" x14ac:dyDescent="0.15">
      <c r="A153" s="213"/>
      <c r="B153" s="205"/>
      <c r="C153" s="163"/>
      <c r="D153" s="170"/>
      <c r="E153" s="150"/>
      <c r="F153" s="230" t="s">
        <v>363</v>
      </c>
      <c r="G153" s="150" t="s">
        <v>328</v>
      </c>
      <c r="H153" s="252" t="s">
        <v>110</v>
      </c>
      <c r="I153" s="220" t="s">
        <v>363</v>
      </c>
      <c r="J153" s="184" t="s">
        <v>261</v>
      </c>
      <c r="K153" s="182"/>
      <c r="L153" s="212"/>
      <c r="M153" s="221" t="s">
        <v>363</v>
      </c>
      <c r="N153" s="184" t="s">
        <v>262</v>
      </c>
      <c r="O153" s="166"/>
      <c r="P153" s="166"/>
      <c r="Q153" s="166"/>
      <c r="R153" s="166"/>
      <c r="S153" s="166"/>
      <c r="T153" s="166"/>
      <c r="U153" s="166"/>
      <c r="V153" s="166"/>
      <c r="W153" s="166"/>
      <c r="X153" s="211"/>
      <c r="Y153" s="140"/>
      <c r="Z153" s="138"/>
      <c r="AA153" s="138"/>
      <c r="AB153" s="141"/>
      <c r="AC153" s="354"/>
      <c r="AD153" s="354"/>
      <c r="AE153" s="354"/>
      <c r="AF153" s="354"/>
    </row>
    <row r="154" spans="1:32" ht="18.75" customHeight="1" x14ac:dyDescent="0.15">
      <c r="A154" s="213"/>
      <c r="B154" s="205"/>
      <c r="C154" s="163"/>
      <c r="D154" s="170"/>
      <c r="E154" s="150"/>
      <c r="F154" s="258"/>
      <c r="G154" s="150" t="s">
        <v>329</v>
      </c>
      <c r="H154" s="252" t="s">
        <v>126</v>
      </c>
      <c r="I154" s="220" t="s">
        <v>363</v>
      </c>
      <c r="J154" s="184" t="s">
        <v>250</v>
      </c>
      <c r="K154" s="182"/>
      <c r="L154" s="221" t="s">
        <v>363</v>
      </c>
      <c r="M154" s="184" t="s">
        <v>263</v>
      </c>
      <c r="N154" s="166"/>
      <c r="O154" s="166"/>
      <c r="P154" s="166"/>
      <c r="Q154" s="166"/>
      <c r="R154" s="166"/>
      <c r="S154" s="166"/>
      <c r="T154" s="166"/>
      <c r="U154" s="166"/>
      <c r="V154" s="166"/>
      <c r="W154" s="166"/>
      <c r="X154" s="211"/>
      <c r="Y154" s="140"/>
      <c r="Z154" s="138"/>
      <c r="AA154" s="138"/>
      <c r="AB154" s="141"/>
      <c r="AC154" s="354"/>
      <c r="AD154" s="354"/>
      <c r="AE154" s="354"/>
      <c r="AF154" s="354"/>
    </row>
    <row r="155" spans="1:32" ht="18.75" customHeight="1" x14ac:dyDescent="0.15">
      <c r="A155" s="213"/>
      <c r="B155" s="205"/>
      <c r="C155" s="163"/>
      <c r="D155" s="230" t="s">
        <v>373</v>
      </c>
      <c r="E155" s="150" t="s">
        <v>203</v>
      </c>
      <c r="F155" s="230" t="s">
        <v>363</v>
      </c>
      <c r="G155" s="150" t="s">
        <v>330</v>
      </c>
      <c r="H155" s="252" t="s">
        <v>201</v>
      </c>
      <c r="I155" s="220" t="s">
        <v>363</v>
      </c>
      <c r="J155" s="184" t="s">
        <v>250</v>
      </c>
      <c r="K155" s="184"/>
      <c r="L155" s="221" t="s">
        <v>363</v>
      </c>
      <c r="M155" s="184" t="s">
        <v>251</v>
      </c>
      <c r="N155" s="184"/>
      <c r="O155" s="221" t="s">
        <v>363</v>
      </c>
      <c r="P155" s="184" t="s">
        <v>252</v>
      </c>
      <c r="Q155" s="166"/>
      <c r="R155" s="166"/>
      <c r="S155" s="166"/>
      <c r="T155" s="166"/>
      <c r="U155" s="166"/>
      <c r="V155" s="166"/>
      <c r="W155" s="166"/>
      <c r="X155" s="211"/>
      <c r="Y155" s="140"/>
      <c r="Z155" s="138"/>
      <c r="AA155" s="138"/>
      <c r="AB155" s="141"/>
      <c r="AC155" s="354"/>
      <c r="AD155" s="354"/>
      <c r="AE155" s="354"/>
      <c r="AF155" s="354"/>
    </row>
    <row r="156" spans="1:32" ht="18.75" customHeight="1" x14ac:dyDescent="0.15">
      <c r="A156" s="213"/>
      <c r="B156" s="205"/>
      <c r="C156" s="163"/>
      <c r="D156" s="170"/>
      <c r="E156" s="150"/>
      <c r="F156" s="258"/>
      <c r="G156" s="150" t="s">
        <v>331</v>
      </c>
      <c r="H156" s="377" t="s">
        <v>115</v>
      </c>
      <c r="I156" s="240" t="s">
        <v>363</v>
      </c>
      <c r="J156" s="186" t="s">
        <v>298</v>
      </c>
      <c r="K156" s="186"/>
      <c r="L156" s="176"/>
      <c r="M156" s="176"/>
      <c r="N156" s="176"/>
      <c r="O156" s="176"/>
      <c r="P156" s="242" t="s">
        <v>363</v>
      </c>
      <c r="Q156" s="186" t="s">
        <v>299</v>
      </c>
      <c r="R156" s="176"/>
      <c r="S156" s="176"/>
      <c r="T156" s="176"/>
      <c r="U156" s="176"/>
      <c r="V156" s="176"/>
      <c r="W156" s="176"/>
      <c r="X156" s="177"/>
      <c r="Y156" s="140"/>
      <c r="Z156" s="138"/>
      <c r="AA156" s="138"/>
      <c r="AB156" s="141"/>
      <c r="AC156" s="354"/>
      <c r="AD156" s="354"/>
      <c r="AE156" s="354"/>
      <c r="AF156" s="354"/>
    </row>
    <row r="157" spans="1:32" s="161" customFormat="1" ht="18.75" customHeight="1" x14ac:dyDescent="0.15">
      <c r="A157" s="213"/>
      <c r="B157" s="205"/>
      <c r="C157" s="163"/>
      <c r="D157" s="170"/>
      <c r="E157" s="150"/>
      <c r="F157" s="230" t="s">
        <v>363</v>
      </c>
      <c r="G157" s="150" t="s">
        <v>332</v>
      </c>
      <c r="H157" s="377"/>
      <c r="I157" s="241" t="s">
        <v>363</v>
      </c>
      <c r="J157" s="188" t="s">
        <v>312</v>
      </c>
      <c r="K157" s="178"/>
      <c r="L157" s="178"/>
      <c r="M157" s="178"/>
      <c r="N157" s="178"/>
      <c r="O157" s="178"/>
      <c r="P157" s="178"/>
      <c r="Q157" s="237"/>
      <c r="R157" s="178"/>
      <c r="S157" s="178"/>
      <c r="T157" s="178"/>
      <c r="U157" s="178"/>
      <c r="V157" s="178"/>
      <c r="W157" s="178"/>
      <c r="X157" s="179"/>
      <c r="Y157" s="140"/>
      <c r="Z157" s="138"/>
      <c r="AA157" s="138"/>
      <c r="AB157" s="141"/>
      <c r="AC157" s="354"/>
      <c r="AD157" s="354"/>
      <c r="AE157" s="354"/>
      <c r="AF157" s="354"/>
    </row>
    <row r="158" spans="1:32" ht="18.75" customHeight="1" x14ac:dyDescent="0.15">
      <c r="A158" s="213"/>
      <c r="B158" s="205"/>
      <c r="C158" s="163"/>
      <c r="D158" s="170"/>
      <c r="E158" s="150"/>
      <c r="F158" s="258"/>
      <c r="G158" s="150" t="s">
        <v>333</v>
      </c>
      <c r="H158" s="377" t="s">
        <v>116</v>
      </c>
      <c r="I158" s="240" t="s">
        <v>363</v>
      </c>
      <c r="J158" s="186" t="s">
        <v>313</v>
      </c>
      <c r="K158" s="192"/>
      <c r="L158" s="200"/>
      <c r="M158" s="242" t="s">
        <v>363</v>
      </c>
      <c r="N158" s="186" t="s">
        <v>314</v>
      </c>
      <c r="O158" s="176"/>
      <c r="P158" s="176"/>
      <c r="Q158" s="242" t="s">
        <v>363</v>
      </c>
      <c r="R158" s="186" t="s">
        <v>315</v>
      </c>
      <c r="S158" s="176"/>
      <c r="T158" s="176"/>
      <c r="U158" s="176"/>
      <c r="V158" s="176"/>
      <c r="W158" s="176"/>
      <c r="X158" s="177"/>
      <c r="Y158" s="140"/>
      <c r="Z158" s="138"/>
      <c r="AA158" s="138"/>
      <c r="AB158" s="141"/>
      <c r="AC158" s="354"/>
      <c r="AD158" s="354"/>
      <c r="AE158" s="354"/>
      <c r="AF158" s="354"/>
    </row>
    <row r="159" spans="1:32" s="161" customFormat="1" ht="18.75" customHeight="1" x14ac:dyDescent="0.15">
      <c r="A159" s="213"/>
      <c r="B159" s="205"/>
      <c r="C159" s="163"/>
      <c r="D159" s="170"/>
      <c r="E159" s="150"/>
      <c r="F159" s="258"/>
      <c r="G159" s="150"/>
      <c r="H159" s="377"/>
      <c r="I159" s="241" t="s">
        <v>363</v>
      </c>
      <c r="J159" s="188" t="s">
        <v>316</v>
      </c>
      <c r="K159" s="178"/>
      <c r="L159" s="178"/>
      <c r="M159" s="178"/>
      <c r="N159" s="178"/>
      <c r="O159" s="178"/>
      <c r="P159" s="178"/>
      <c r="Q159" s="243" t="s">
        <v>363</v>
      </c>
      <c r="R159" s="188" t="s">
        <v>317</v>
      </c>
      <c r="S159" s="237"/>
      <c r="T159" s="178"/>
      <c r="U159" s="178"/>
      <c r="V159" s="178"/>
      <c r="W159" s="178"/>
      <c r="X159" s="179"/>
      <c r="Y159" s="140"/>
      <c r="Z159" s="138"/>
      <c r="AA159" s="138"/>
      <c r="AB159" s="141"/>
      <c r="AC159" s="354"/>
      <c r="AD159" s="354"/>
      <c r="AE159" s="354"/>
      <c r="AF159" s="354"/>
    </row>
    <row r="160" spans="1:32" ht="18.75" customHeight="1" x14ac:dyDescent="0.15">
      <c r="A160" s="213"/>
      <c r="B160" s="205"/>
      <c r="C160" s="163"/>
      <c r="D160" s="170"/>
      <c r="E160" s="150"/>
      <c r="F160" s="258"/>
      <c r="G160" s="150"/>
      <c r="H160" s="252" t="s">
        <v>131</v>
      </c>
      <c r="I160" s="220" t="s">
        <v>363</v>
      </c>
      <c r="J160" s="184" t="s">
        <v>250</v>
      </c>
      <c r="K160" s="184"/>
      <c r="L160" s="221" t="s">
        <v>363</v>
      </c>
      <c r="M160" s="184" t="s">
        <v>256</v>
      </c>
      <c r="N160" s="184"/>
      <c r="O160" s="221" t="s">
        <v>363</v>
      </c>
      <c r="P160" s="184" t="s">
        <v>257</v>
      </c>
      <c r="Q160" s="239"/>
      <c r="R160" s="221" t="s">
        <v>363</v>
      </c>
      <c r="S160" s="184" t="s">
        <v>273</v>
      </c>
      <c r="T160" s="239"/>
      <c r="U160" s="239"/>
      <c r="V160" s="239"/>
      <c r="W160" s="239"/>
      <c r="X160" s="209"/>
      <c r="Y160" s="140"/>
      <c r="Z160" s="138"/>
      <c r="AA160" s="138"/>
      <c r="AB160" s="141"/>
      <c r="AC160" s="354"/>
      <c r="AD160" s="354"/>
      <c r="AE160" s="354"/>
      <c r="AF160" s="354"/>
    </row>
    <row r="161" spans="1:32" ht="18.75" customHeight="1" x14ac:dyDescent="0.15">
      <c r="A161" s="213"/>
      <c r="B161" s="205"/>
      <c r="C161" s="163"/>
      <c r="D161" s="170"/>
      <c r="E161" s="150"/>
      <c r="F161" s="258"/>
      <c r="G161" s="150"/>
      <c r="H161" s="376" t="s">
        <v>224</v>
      </c>
      <c r="I161" s="373" t="s">
        <v>363</v>
      </c>
      <c r="J161" s="374" t="s">
        <v>250</v>
      </c>
      <c r="K161" s="374"/>
      <c r="L161" s="375" t="s">
        <v>363</v>
      </c>
      <c r="M161" s="374" t="s">
        <v>263</v>
      </c>
      <c r="N161" s="374"/>
      <c r="O161" s="238"/>
      <c r="P161" s="238"/>
      <c r="Q161" s="238"/>
      <c r="R161" s="238"/>
      <c r="S161" s="238"/>
      <c r="T161" s="238"/>
      <c r="U161" s="238"/>
      <c r="V161" s="238"/>
      <c r="W161" s="238"/>
      <c r="X161" s="199"/>
      <c r="Y161" s="140"/>
      <c r="Z161" s="138"/>
      <c r="AA161" s="138"/>
      <c r="AB161" s="141"/>
      <c r="AC161" s="354"/>
      <c r="AD161" s="354"/>
      <c r="AE161" s="354"/>
      <c r="AF161" s="354"/>
    </row>
    <row r="162" spans="1:32" s="161" customFormat="1" ht="18.75" customHeight="1" x14ac:dyDescent="0.15">
      <c r="A162" s="213"/>
      <c r="B162" s="205"/>
      <c r="C162" s="163"/>
      <c r="D162" s="170"/>
      <c r="E162" s="150"/>
      <c r="F162" s="258"/>
      <c r="G162" s="150"/>
      <c r="H162" s="376"/>
      <c r="I162" s="373"/>
      <c r="J162" s="374"/>
      <c r="K162" s="374"/>
      <c r="L162" s="375"/>
      <c r="M162" s="374"/>
      <c r="N162" s="374"/>
      <c r="O162" s="237"/>
      <c r="P162" s="237"/>
      <c r="Q162" s="237"/>
      <c r="R162" s="237"/>
      <c r="S162" s="237"/>
      <c r="T162" s="237"/>
      <c r="U162" s="237"/>
      <c r="V162" s="237"/>
      <c r="W162" s="237"/>
      <c r="X162" s="204"/>
      <c r="Y162" s="140"/>
      <c r="Z162" s="138"/>
      <c r="AA162" s="138"/>
      <c r="AB162" s="141"/>
      <c r="AC162" s="354"/>
      <c r="AD162" s="354"/>
      <c r="AE162" s="354"/>
      <c r="AF162" s="354"/>
    </row>
    <row r="163" spans="1:32" ht="18.75" customHeight="1" x14ac:dyDescent="0.15">
      <c r="A163" s="213"/>
      <c r="B163" s="205"/>
      <c r="C163" s="163"/>
      <c r="D163" s="170"/>
      <c r="E163" s="150"/>
      <c r="F163" s="258"/>
      <c r="G163" s="150"/>
      <c r="H163" s="253" t="s">
        <v>135</v>
      </c>
      <c r="I163" s="220" t="s">
        <v>363</v>
      </c>
      <c r="J163" s="184" t="s">
        <v>250</v>
      </c>
      <c r="K163" s="184"/>
      <c r="L163" s="221" t="s">
        <v>363</v>
      </c>
      <c r="M163" s="184" t="s">
        <v>256</v>
      </c>
      <c r="N163" s="184"/>
      <c r="O163" s="221" t="s">
        <v>363</v>
      </c>
      <c r="P163" s="184" t="s">
        <v>257</v>
      </c>
      <c r="Q163" s="239"/>
      <c r="R163" s="221" t="s">
        <v>363</v>
      </c>
      <c r="S163" s="184" t="s">
        <v>258</v>
      </c>
      <c r="T163" s="166"/>
      <c r="U163" s="166"/>
      <c r="V163" s="166"/>
      <c r="W163" s="166"/>
      <c r="X163" s="211"/>
      <c r="Y163" s="140"/>
      <c r="Z163" s="138"/>
      <c r="AA163" s="138"/>
      <c r="AB163" s="141"/>
      <c r="AC163" s="354"/>
      <c r="AD163" s="354"/>
      <c r="AE163" s="354"/>
      <c r="AF163" s="354"/>
    </row>
    <row r="164" spans="1:32" s="307" customFormat="1" ht="18.75" customHeight="1" x14ac:dyDescent="0.15">
      <c r="A164" s="213"/>
      <c r="B164" s="205"/>
      <c r="C164" s="163"/>
      <c r="D164" s="170"/>
      <c r="E164" s="150"/>
      <c r="F164" s="308"/>
      <c r="G164" s="150"/>
      <c r="H164" s="301" t="s">
        <v>467</v>
      </c>
      <c r="I164" s="302" t="s">
        <v>363</v>
      </c>
      <c r="J164" s="186" t="s">
        <v>464</v>
      </c>
      <c r="K164" s="186"/>
      <c r="L164" s="304" t="s">
        <v>363</v>
      </c>
      <c r="M164" s="186" t="s">
        <v>465</v>
      </c>
      <c r="N164" s="186"/>
      <c r="O164" s="304" t="s">
        <v>363</v>
      </c>
      <c r="P164" s="186" t="s">
        <v>466</v>
      </c>
      <c r="Q164" s="303"/>
      <c r="R164" s="304"/>
      <c r="S164" s="186"/>
      <c r="T164" s="176"/>
      <c r="U164" s="176"/>
      <c r="V164" s="176"/>
      <c r="W164" s="176"/>
      <c r="X164" s="177"/>
      <c r="Y164" s="140"/>
      <c r="Z164" s="138"/>
      <c r="AA164" s="138"/>
      <c r="AB164" s="141"/>
      <c r="AC164" s="355"/>
      <c r="AD164" s="355"/>
      <c r="AE164" s="355"/>
      <c r="AF164" s="355"/>
    </row>
    <row r="165" spans="1:32" ht="18.75" customHeight="1" x14ac:dyDescent="0.15">
      <c r="A165" s="215"/>
      <c r="B165" s="247"/>
      <c r="C165" s="164"/>
      <c r="D165" s="156"/>
      <c r="E165" s="152"/>
      <c r="F165" s="254"/>
      <c r="G165" s="152"/>
      <c r="H165" s="316" t="s">
        <v>468</v>
      </c>
      <c r="I165" s="309" t="s">
        <v>363</v>
      </c>
      <c r="J165" s="310" t="s">
        <v>250</v>
      </c>
      <c r="K165" s="310"/>
      <c r="L165" s="311" t="s">
        <v>363</v>
      </c>
      <c r="M165" s="310" t="s">
        <v>263</v>
      </c>
      <c r="N165" s="310"/>
      <c r="O165" s="311"/>
      <c r="P165" s="310"/>
      <c r="Q165" s="312"/>
      <c r="R165" s="312"/>
      <c r="S165" s="312"/>
      <c r="T165" s="312"/>
      <c r="U165" s="312"/>
      <c r="V165" s="312"/>
      <c r="W165" s="312"/>
      <c r="X165" s="313"/>
      <c r="Y165" s="195"/>
      <c r="Z165" s="196"/>
      <c r="AA165" s="196"/>
      <c r="AB165" s="197"/>
      <c r="AC165" s="356"/>
      <c r="AD165" s="356"/>
      <c r="AE165" s="356"/>
      <c r="AF165" s="356"/>
    </row>
    <row r="166" spans="1:32" ht="18.75" customHeight="1" x14ac:dyDescent="0.15">
      <c r="A166" s="108"/>
      <c r="B166" s="245"/>
      <c r="C166" s="162"/>
      <c r="D166" s="153"/>
      <c r="E166" s="175"/>
      <c r="F166" s="256"/>
      <c r="G166" s="175"/>
      <c r="H166" s="372" t="s">
        <v>111</v>
      </c>
      <c r="I166" s="228" t="s">
        <v>363</v>
      </c>
      <c r="J166" s="109" t="s">
        <v>282</v>
      </c>
      <c r="K166" s="181"/>
      <c r="L166" s="257"/>
      <c r="M166" s="229" t="s">
        <v>363</v>
      </c>
      <c r="N166" s="109" t="s">
        <v>306</v>
      </c>
      <c r="O166" s="154"/>
      <c r="P166" s="154"/>
      <c r="Q166" s="229" t="s">
        <v>363</v>
      </c>
      <c r="R166" s="109" t="s">
        <v>307</v>
      </c>
      <c r="S166" s="154"/>
      <c r="T166" s="154"/>
      <c r="U166" s="229" t="s">
        <v>363</v>
      </c>
      <c r="V166" s="109" t="s">
        <v>308</v>
      </c>
      <c r="W166" s="154"/>
      <c r="X166" s="155"/>
      <c r="Y166" s="229" t="s">
        <v>363</v>
      </c>
      <c r="Z166" s="109" t="s">
        <v>249</v>
      </c>
      <c r="AA166" s="109"/>
      <c r="AB166" s="194"/>
      <c r="AC166" s="352"/>
      <c r="AD166" s="352"/>
      <c r="AE166" s="352"/>
      <c r="AF166" s="352"/>
    </row>
    <row r="167" spans="1:32" s="161" customFormat="1" ht="18.75" customHeight="1" x14ac:dyDescent="0.15">
      <c r="A167" s="213"/>
      <c r="B167" s="205"/>
      <c r="C167" s="163"/>
      <c r="D167" s="170"/>
      <c r="E167" s="150"/>
      <c r="F167" s="258"/>
      <c r="G167" s="150"/>
      <c r="H167" s="358"/>
      <c r="I167" s="241" t="s">
        <v>363</v>
      </c>
      <c r="J167" s="188" t="s">
        <v>309</v>
      </c>
      <c r="K167" s="190"/>
      <c r="L167" s="203"/>
      <c r="M167" s="243" t="s">
        <v>363</v>
      </c>
      <c r="N167" s="188" t="s">
        <v>283</v>
      </c>
      <c r="O167" s="237"/>
      <c r="P167" s="237"/>
      <c r="Q167" s="237"/>
      <c r="R167" s="237"/>
      <c r="S167" s="237"/>
      <c r="T167" s="237"/>
      <c r="U167" s="237"/>
      <c r="V167" s="237"/>
      <c r="W167" s="237"/>
      <c r="X167" s="204"/>
      <c r="Y167" s="214" t="s">
        <v>363</v>
      </c>
      <c r="Z167" s="143" t="s">
        <v>253</v>
      </c>
      <c r="AA167" s="138"/>
      <c r="AB167" s="141"/>
      <c r="AC167" s="353"/>
      <c r="AD167" s="353"/>
      <c r="AE167" s="353"/>
      <c r="AF167" s="353"/>
    </row>
    <row r="168" spans="1:32" ht="18.75" customHeight="1" x14ac:dyDescent="0.15">
      <c r="A168" s="213"/>
      <c r="B168" s="205"/>
      <c r="C168" s="163"/>
      <c r="D168" s="170"/>
      <c r="E168" s="150"/>
      <c r="F168" s="258"/>
      <c r="G168" s="150"/>
      <c r="H168" s="252" t="s">
        <v>109</v>
      </c>
      <c r="I168" s="220" t="s">
        <v>363</v>
      </c>
      <c r="J168" s="184" t="s">
        <v>250</v>
      </c>
      <c r="K168" s="184"/>
      <c r="L168" s="212"/>
      <c r="M168" s="221" t="s">
        <v>363</v>
      </c>
      <c r="N168" s="184" t="s">
        <v>274</v>
      </c>
      <c r="O168" s="184"/>
      <c r="P168" s="212"/>
      <c r="Q168" s="221" t="s">
        <v>363</v>
      </c>
      <c r="R168" s="239" t="s">
        <v>275</v>
      </c>
      <c r="S168" s="239"/>
      <c r="T168" s="239"/>
      <c r="U168" s="221" t="s">
        <v>363</v>
      </c>
      <c r="V168" s="239" t="s">
        <v>276</v>
      </c>
      <c r="W168" s="166"/>
      <c r="X168" s="211"/>
      <c r="Y168" s="140"/>
      <c r="Z168" s="138"/>
      <c r="AA168" s="138"/>
      <c r="AB168" s="141"/>
      <c r="AC168" s="354"/>
      <c r="AD168" s="354"/>
      <c r="AE168" s="354"/>
      <c r="AF168" s="354"/>
    </row>
    <row r="169" spans="1:32" ht="18.75" customHeight="1" x14ac:dyDescent="0.15">
      <c r="A169" s="213"/>
      <c r="B169" s="205"/>
      <c r="C169" s="163"/>
      <c r="D169" s="170"/>
      <c r="E169" s="150"/>
      <c r="F169" s="258"/>
      <c r="G169" s="150"/>
      <c r="H169" s="252" t="s">
        <v>112</v>
      </c>
      <c r="I169" s="220" t="s">
        <v>363</v>
      </c>
      <c r="J169" s="184" t="s">
        <v>261</v>
      </c>
      <c r="K169" s="182"/>
      <c r="L169" s="212"/>
      <c r="M169" s="221" t="s">
        <v>363</v>
      </c>
      <c r="N169" s="184" t="s">
        <v>262</v>
      </c>
      <c r="O169" s="166"/>
      <c r="P169" s="166"/>
      <c r="Q169" s="166"/>
      <c r="R169" s="166"/>
      <c r="S169" s="166"/>
      <c r="T169" s="166"/>
      <c r="U169" s="166"/>
      <c r="V169" s="166"/>
      <c r="W169" s="166"/>
      <c r="X169" s="211"/>
      <c r="Y169" s="140"/>
      <c r="Z169" s="138"/>
      <c r="AA169" s="138"/>
      <c r="AB169" s="141"/>
      <c r="AC169" s="354"/>
      <c r="AD169" s="354"/>
      <c r="AE169" s="354"/>
      <c r="AF169" s="354"/>
    </row>
    <row r="170" spans="1:32" ht="18.75" customHeight="1" x14ac:dyDescent="0.15">
      <c r="A170" s="213"/>
      <c r="B170" s="205"/>
      <c r="C170" s="163"/>
      <c r="D170" s="170"/>
      <c r="E170" s="150"/>
      <c r="F170" s="258"/>
      <c r="G170" s="150"/>
      <c r="H170" s="252" t="s">
        <v>117</v>
      </c>
      <c r="I170" s="220" t="s">
        <v>363</v>
      </c>
      <c r="J170" s="184" t="s">
        <v>282</v>
      </c>
      <c r="K170" s="182"/>
      <c r="L170" s="212"/>
      <c r="M170" s="221" t="s">
        <v>363</v>
      </c>
      <c r="N170" s="184" t="s">
        <v>310</v>
      </c>
      <c r="O170" s="239"/>
      <c r="P170" s="239"/>
      <c r="Q170" s="239"/>
      <c r="R170" s="239"/>
      <c r="S170" s="239"/>
      <c r="T170" s="239"/>
      <c r="U170" s="239"/>
      <c r="V170" s="239"/>
      <c r="W170" s="239"/>
      <c r="X170" s="209"/>
      <c r="Y170" s="140"/>
      <c r="Z170" s="138"/>
      <c r="AA170" s="138"/>
      <c r="AB170" s="141"/>
      <c r="AC170" s="354"/>
      <c r="AD170" s="354"/>
      <c r="AE170" s="354"/>
      <c r="AF170" s="354"/>
    </row>
    <row r="171" spans="1:32" ht="18.75" customHeight="1" x14ac:dyDescent="0.15">
      <c r="A171" s="213"/>
      <c r="B171" s="205"/>
      <c r="C171" s="163"/>
      <c r="D171" s="170"/>
      <c r="E171" s="150"/>
      <c r="F171" s="258"/>
      <c r="G171" s="150"/>
      <c r="H171" s="252" t="s">
        <v>114</v>
      </c>
      <c r="I171" s="220" t="s">
        <v>363</v>
      </c>
      <c r="J171" s="184" t="s">
        <v>384</v>
      </c>
      <c r="K171" s="182"/>
      <c r="L171" s="212"/>
      <c r="M171" s="221" t="s">
        <v>363</v>
      </c>
      <c r="N171" s="184" t="s">
        <v>311</v>
      </c>
      <c r="O171" s="166"/>
      <c r="P171" s="166"/>
      <c r="Q171" s="166"/>
      <c r="R171" s="239"/>
      <c r="S171" s="166"/>
      <c r="T171" s="166"/>
      <c r="U171" s="166"/>
      <c r="V171" s="166"/>
      <c r="W171" s="166"/>
      <c r="X171" s="211"/>
      <c r="Y171" s="140"/>
      <c r="Z171" s="138"/>
      <c r="AA171" s="138"/>
      <c r="AB171" s="141"/>
      <c r="AC171" s="354"/>
      <c r="AD171" s="354"/>
      <c r="AE171" s="354"/>
      <c r="AF171" s="354"/>
    </row>
    <row r="172" spans="1:32" ht="18.75" customHeight="1" x14ac:dyDescent="0.15">
      <c r="A172" s="213"/>
      <c r="B172" s="205"/>
      <c r="C172" s="163"/>
      <c r="D172" s="170"/>
      <c r="E172" s="150"/>
      <c r="F172" s="258"/>
      <c r="G172" s="150"/>
      <c r="H172" s="252" t="s">
        <v>133</v>
      </c>
      <c r="I172" s="220" t="s">
        <v>363</v>
      </c>
      <c r="J172" s="184" t="s">
        <v>250</v>
      </c>
      <c r="K172" s="182"/>
      <c r="L172" s="221" t="s">
        <v>363</v>
      </c>
      <c r="M172" s="184" t="s">
        <v>263</v>
      </c>
      <c r="N172" s="166"/>
      <c r="O172" s="166"/>
      <c r="P172" s="166"/>
      <c r="Q172" s="166"/>
      <c r="R172" s="166"/>
      <c r="S172" s="166"/>
      <c r="T172" s="166"/>
      <c r="U172" s="166"/>
      <c r="V172" s="166"/>
      <c r="W172" s="166"/>
      <c r="X172" s="211"/>
      <c r="Y172" s="140"/>
      <c r="Z172" s="138"/>
      <c r="AA172" s="138"/>
      <c r="AB172" s="141"/>
      <c r="AC172" s="354"/>
      <c r="AD172" s="354"/>
      <c r="AE172" s="354"/>
      <c r="AF172" s="354"/>
    </row>
    <row r="173" spans="1:32" ht="18.75" customHeight="1" x14ac:dyDescent="0.15">
      <c r="A173" s="213"/>
      <c r="B173" s="205"/>
      <c r="C173" s="163"/>
      <c r="D173" s="170"/>
      <c r="E173" s="150"/>
      <c r="F173" s="258"/>
      <c r="G173" s="150"/>
      <c r="H173" s="252" t="s">
        <v>110</v>
      </c>
      <c r="I173" s="220" t="s">
        <v>363</v>
      </c>
      <c r="J173" s="184" t="s">
        <v>261</v>
      </c>
      <c r="K173" s="182"/>
      <c r="L173" s="212"/>
      <c r="M173" s="221" t="s">
        <v>363</v>
      </c>
      <c r="N173" s="184" t="s">
        <v>262</v>
      </c>
      <c r="O173" s="166"/>
      <c r="P173" s="166"/>
      <c r="Q173" s="166"/>
      <c r="R173" s="166"/>
      <c r="S173" s="166"/>
      <c r="T173" s="166"/>
      <c r="U173" s="166"/>
      <c r="V173" s="166"/>
      <c r="W173" s="166"/>
      <c r="X173" s="211"/>
      <c r="Y173" s="140"/>
      <c r="Z173" s="138"/>
      <c r="AA173" s="138"/>
      <c r="AB173" s="141"/>
      <c r="AC173" s="354"/>
      <c r="AD173" s="354"/>
      <c r="AE173" s="354"/>
      <c r="AF173" s="354"/>
    </row>
    <row r="174" spans="1:32" ht="18.75" customHeight="1" x14ac:dyDescent="0.15">
      <c r="A174" s="213"/>
      <c r="B174" s="205"/>
      <c r="C174" s="163"/>
      <c r="D174" s="170"/>
      <c r="E174" s="150"/>
      <c r="F174" s="258"/>
      <c r="G174" s="150"/>
      <c r="H174" s="252" t="s">
        <v>126</v>
      </c>
      <c r="I174" s="220" t="s">
        <v>363</v>
      </c>
      <c r="J174" s="184" t="s">
        <v>250</v>
      </c>
      <c r="K174" s="182"/>
      <c r="L174" s="221" t="s">
        <v>363</v>
      </c>
      <c r="M174" s="184" t="s">
        <v>263</v>
      </c>
      <c r="N174" s="166"/>
      <c r="O174" s="166"/>
      <c r="P174" s="166"/>
      <c r="Q174" s="166"/>
      <c r="R174" s="166"/>
      <c r="S174" s="166"/>
      <c r="T174" s="166"/>
      <c r="U174" s="166"/>
      <c r="V174" s="166"/>
      <c r="W174" s="166"/>
      <c r="X174" s="211"/>
      <c r="Y174" s="140"/>
      <c r="Z174" s="138"/>
      <c r="AA174" s="138"/>
      <c r="AB174" s="141"/>
      <c r="AC174" s="354"/>
      <c r="AD174" s="354"/>
      <c r="AE174" s="354"/>
      <c r="AF174" s="354"/>
    </row>
    <row r="175" spans="1:32" ht="18.75" customHeight="1" x14ac:dyDescent="0.15">
      <c r="A175" s="213"/>
      <c r="B175" s="205"/>
      <c r="C175" s="163"/>
      <c r="D175" s="230" t="s">
        <v>363</v>
      </c>
      <c r="E175" s="150" t="s">
        <v>336</v>
      </c>
      <c r="F175" s="230" t="s">
        <v>363</v>
      </c>
      <c r="G175" s="150" t="s">
        <v>334</v>
      </c>
      <c r="H175" s="252" t="s">
        <v>201</v>
      </c>
      <c r="I175" s="220" t="s">
        <v>363</v>
      </c>
      <c r="J175" s="184" t="s">
        <v>250</v>
      </c>
      <c r="K175" s="184"/>
      <c r="L175" s="221" t="s">
        <v>363</v>
      </c>
      <c r="M175" s="184" t="s">
        <v>251</v>
      </c>
      <c r="N175" s="184"/>
      <c r="O175" s="221" t="s">
        <v>363</v>
      </c>
      <c r="P175" s="184" t="s">
        <v>252</v>
      </c>
      <c r="Q175" s="166"/>
      <c r="R175" s="166"/>
      <c r="S175" s="166"/>
      <c r="T175" s="166"/>
      <c r="U175" s="166"/>
      <c r="V175" s="166"/>
      <c r="W175" s="166"/>
      <c r="X175" s="211"/>
      <c r="Y175" s="140"/>
      <c r="Z175" s="138"/>
      <c r="AA175" s="138"/>
      <c r="AB175" s="141"/>
      <c r="AC175" s="354"/>
      <c r="AD175" s="354"/>
      <c r="AE175" s="354"/>
      <c r="AF175" s="354"/>
    </row>
    <row r="176" spans="1:32" ht="18.75" customHeight="1" x14ac:dyDescent="0.15">
      <c r="A176" s="213"/>
      <c r="B176" s="205"/>
      <c r="C176" s="163"/>
      <c r="D176" s="230" t="s">
        <v>363</v>
      </c>
      <c r="E176" s="150" t="s">
        <v>337</v>
      </c>
      <c r="F176" s="230" t="s">
        <v>363</v>
      </c>
      <c r="G176" s="150" t="s">
        <v>335</v>
      </c>
      <c r="H176" s="357" t="s">
        <v>115</v>
      </c>
      <c r="I176" s="240" t="s">
        <v>363</v>
      </c>
      <c r="J176" s="186" t="s">
        <v>298</v>
      </c>
      <c r="K176" s="186"/>
      <c r="L176" s="176"/>
      <c r="M176" s="176"/>
      <c r="N176" s="176"/>
      <c r="O176" s="176"/>
      <c r="P176" s="242" t="s">
        <v>363</v>
      </c>
      <c r="Q176" s="186" t="s">
        <v>299</v>
      </c>
      <c r="R176" s="176"/>
      <c r="S176" s="176"/>
      <c r="T176" s="176"/>
      <c r="U176" s="176"/>
      <c r="V176" s="176"/>
      <c r="W176" s="176"/>
      <c r="X176" s="177"/>
      <c r="Y176" s="140"/>
      <c r="Z176" s="138"/>
      <c r="AA176" s="138"/>
      <c r="AB176" s="141"/>
      <c r="AC176" s="354"/>
      <c r="AD176" s="354"/>
      <c r="AE176" s="354"/>
      <c r="AF176" s="354"/>
    </row>
    <row r="177" spans="1:32" s="161" customFormat="1" ht="18.75" customHeight="1" x14ac:dyDescent="0.15">
      <c r="A177" s="213"/>
      <c r="B177" s="205"/>
      <c r="C177" s="163"/>
      <c r="D177" s="170"/>
      <c r="E177" s="150"/>
      <c r="F177" s="258"/>
      <c r="G177" s="150"/>
      <c r="H177" s="358"/>
      <c r="I177" s="241" t="s">
        <v>363</v>
      </c>
      <c r="J177" s="188" t="s">
        <v>312</v>
      </c>
      <c r="K177" s="178"/>
      <c r="L177" s="178"/>
      <c r="M177" s="178"/>
      <c r="N177" s="178"/>
      <c r="O177" s="178"/>
      <c r="P177" s="178"/>
      <c r="Q177" s="237"/>
      <c r="R177" s="178"/>
      <c r="S177" s="178"/>
      <c r="T177" s="178"/>
      <c r="U177" s="178"/>
      <c r="V177" s="178"/>
      <c r="W177" s="178"/>
      <c r="X177" s="179"/>
      <c r="Y177" s="140"/>
      <c r="Z177" s="138"/>
      <c r="AA177" s="138"/>
      <c r="AB177" s="141"/>
      <c r="AC177" s="354"/>
      <c r="AD177" s="354"/>
      <c r="AE177" s="354"/>
      <c r="AF177" s="354"/>
    </row>
    <row r="178" spans="1:32" ht="18.75" customHeight="1" x14ac:dyDescent="0.15">
      <c r="A178" s="213"/>
      <c r="B178" s="205"/>
      <c r="C178" s="163"/>
      <c r="D178" s="170"/>
      <c r="E178" s="150"/>
      <c r="F178" s="258"/>
      <c r="G178" s="150"/>
      <c r="H178" s="357" t="s">
        <v>116</v>
      </c>
      <c r="I178" s="240" t="s">
        <v>363</v>
      </c>
      <c r="J178" s="186" t="s">
        <v>313</v>
      </c>
      <c r="K178" s="192"/>
      <c r="L178" s="200"/>
      <c r="M178" s="242" t="s">
        <v>363</v>
      </c>
      <c r="N178" s="186" t="s">
        <v>314</v>
      </c>
      <c r="O178" s="176"/>
      <c r="P178" s="176"/>
      <c r="Q178" s="242" t="s">
        <v>363</v>
      </c>
      <c r="R178" s="186" t="s">
        <v>315</v>
      </c>
      <c r="S178" s="176"/>
      <c r="T178" s="176"/>
      <c r="U178" s="176"/>
      <c r="V178" s="176"/>
      <c r="W178" s="176"/>
      <c r="X178" s="177"/>
      <c r="Y178" s="140"/>
      <c r="Z178" s="138"/>
      <c r="AA178" s="138"/>
      <c r="AB178" s="141"/>
      <c r="AC178" s="354"/>
      <c r="AD178" s="354"/>
      <c r="AE178" s="354"/>
      <c r="AF178" s="354"/>
    </row>
    <row r="179" spans="1:32" s="161" customFormat="1" ht="18.75" customHeight="1" x14ac:dyDescent="0.15">
      <c r="A179" s="213"/>
      <c r="B179" s="205"/>
      <c r="C179" s="163"/>
      <c r="D179" s="170"/>
      <c r="E179" s="150"/>
      <c r="F179" s="258"/>
      <c r="G179" s="150"/>
      <c r="H179" s="358"/>
      <c r="I179" s="241" t="s">
        <v>363</v>
      </c>
      <c r="J179" s="188" t="s">
        <v>316</v>
      </c>
      <c r="K179" s="178"/>
      <c r="L179" s="178"/>
      <c r="M179" s="178"/>
      <c r="N179" s="178"/>
      <c r="O179" s="178"/>
      <c r="P179" s="178"/>
      <c r="Q179" s="243" t="s">
        <v>363</v>
      </c>
      <c r="R179" s="188" t="s">
        <v>317</v>
      </c>
      <c r="S179" s="237"/>
      <c r="T179" s="178"/>
      <c r="U179" s="178"/>
      <c r="V179" s="178"/>
      <c r="W179" s="178"/>
      <c r="X179" s="179"/>
      <c r="Y179" s="140"/>
      <c r="Z179" s="138"/>
      <c r="AA179" s="138"/>
      <c r="AB179" s="141"/>
      <c r="AC179" s="354"/>
      <c r="AD179" s="354"/>
      <c r="AE179" s="354"/>
      <c r="AF179" s="354"/>
    </row>
    <row r="180" spans="1:32" ht="18.75" customHeight="1" x14ac:dyDescent="0.15">
      <c r="A180" s="213"/>
      <c r="B180" s="205"/>
      <c r="C180" s="163"/>
      <c r="D180" s="170"/>
      <c r="E180" s="150"/>
      <c r="F180" s="258"/>
      <c r="G180" s="150"/>
      <c r="H180" s="252" t="s">
        <v>131</v>
      </c>
      <c r="I180" s="220" t="s">
        <v>363</v>
      </c>
      <c r="J180" s="184" t="s">
        <v>250</v>
      </c>
      <c r="K180" s="184"/>
      <c r="L180" s="221" t="s">
        <v>363</v>
      </c>
      <c r="M180" s="184" t="s">
        <v>256</v>
      </c>
      <c r="N180" s="184"/>
      <c r="O180" s="221" t="s">
        <v>363</v>
      </c>
      <c r="P180" s="184" t="s">
        <v>257</v>
      </c>
      <c r="Q180" s="239"/>
      <c r="R180" s="221" t="s">
        <v>363</v>
      </c>
      <c r="S180" s="184" t="s">
        <v>273</v>
      </c>
      <c r="T180" s="239"/>
      <c r="U180" s="239"/>
      <c r="V180" s="239"/>
      <c r="W180" s="239"/>
      <c r="X180" s="209"/>
      <c r="Y180" s="140"/>
      <c r="Z180" s="138"/>
      <c r="AA180" s="138"/>
      <c r="AB180" s="141"/>
      <c r="AC180" s="354"/>
      <c r="AD180" s="354"/>
      <c r="AE180" s="354"/>
      <c r="AF180" s="354"/>
    </row>
    <row r="181" spans="1:32" ht="18.75" customHeight="1" x14ac:dyDescent="0.15">
      <c r="A181" s="213"/>
      <c r="B181" s="205"/>
      <c r="C181" s="163"/>
      <c r="D181" s="170"/>
      <c r="E181" s="150"/>
      <c r="F181" s="258"/>
      <c r="G181" s="150"/>
      <c r="H181" s="359" t="s">
        <v>224</v>
      </c>
      <c r="I181" s="373" t="s">
        <v>363</v>
      </c>
      <c r="J181" s="374" t="s">
        <v>250</v>
      </c>
      <c r="K181" s="374"/>
      <c r="L181" s="375" t="s">
        <v>363</v>
      </c>
      <c r="M181" s="374" t="s">
        <v>263</v>
      </c>
      <c r="N181" s="374"/>
      <c r="O181" s="238"/>
      <c r="P181" s="238"/>
      <c r="Q181" s="238"/>
      <c r="R181" s="238"/>
      <c r="S181" s="238"/>
      <c r="T181" s="238"/>
      <c r="U181" s="238"/>
      <c r="V181" s="238"/>
      <c r="W181" s="238"/>
      <c r="X181" s="199"/>
      <c r="Y181" s="140"/>
      <c r="Z181" s="138"/>
      <c r="AA181" s="138"/>
      <c r="AB181" s="141"/>
      <c r="AC181" s="354"/>
      <c r="AD181" s="354"/>
      <c r="AE181" s="354"/>
      <c r="AF181" s="354"/>
    </row>
    <row r="182" spans="1:32" s="161" customFormat="1" ht="18.75" customHeight="1" x14ac:dyDescent="0.15">
      <c r="A182" s="230" t="s">
        <v>363</v>
      </c>
      <c r="B182" s="205">
        <v>26</v>
      </c>
      <c r="C182" s="163" t="s">
        <v>374</v>
      </c>
      <c r="D182" s="170"/>
      <c r="E182" s="150"/>
      <c r="F182" s="258"/>
      <c r="G182" s="150"/>
      <c r="H182" s="360"/>
      <c r="I182" s="373"/>
      <c r="J182" s="374"/>
      <c r="K182" s="374"/>
      <c r="L182" s="375"/>
      <c r="M182" s="374"/>
      <c r="N182" s="374"/>
      <c r="O182" s="237"/>
      <c r="P182" s="237"/>
      <c r="Q182" s="237"/>
      <c r="R182" s="237"/>
      <c r="S182" s="237"/>
      <c r="T182" s="237"/>
      <c r="U182" s="237"/>
      <c r="V182" s="237"/>
      <c r="W182" s="237"/>
      <c r="X182" s="204"/>
      <c r="Y182" s="140"/>
      <c r="Z182" s="138"/>
      <c r="AA182" s="138"/>
      <c r="AB182" s="141"/>
      <c r="AC182" s="354"/>
      <c r="AD182" s="354"/>
      <c r="AE182" s="354"/>
      <c r="AF182" s="354"/>
    </row>
    <row r="183" spans="1:32" ht="18.75" customHeight="1" x14ac:dyDescent="0.15">
      <c r="A183" s="213"/>
      <c r="B183" s="205"/>
      <c r="C183" s="163"/>
      <c r="D183" s="170"/>
      <c r="E183" s="150"/>
      <c r="F183" s="258"/>
      <c r="G183" s="150"/>
      <c r="H183" s="206" t="s">
        <v>135</v>
      </c>
      <c r="I183" s="220" t="s">
        <v>363</v>
      </c>
      <c r="J183" s="184" t="s">
        <v>250</v>
      </c>
      <c r="K183" s="184"/>
      <c r="L183" s="221" t="s">
        <v>363</v>
      </c>
      <c r="M183" s="184" t="s">
        <v>256</v>
      </c>
      <c r="N183" s="184"/>
      <c r="O183" s="221" t="s">
        <v>363</v>
      </c>
      <c r="P183" s="184" t="s">
        <v>257</v>
      </c>
      <c r="Q183" s="239"/>
      <c r="R183" s="221" t="s">
        <v>363</v>
      </c>
      <c r="S183" s="184" t="s">
        <v>258</v>
      </c>
      <c r="T183" s="166"/>
      <c r="U183" s="166"/>
      <c r="V183" s="166"/>
      <c r="W183" s="166"/>
      <c r="X183" s="211"/>
      <c r="Y183" s="140"/>
      <c r="Z183" s="138"/>
      <c r="AA183" s="138"/>
      <c r="AB183" s="141"/>
      <c r="AC183" s="354"/>
      <c r="AD183" s="354"/>
      <c r="AE183" s="354"/>
      <c r="AF183" s="354"/>
    </row>
    <row r="184" spans="1:32" s="307" customFormat="1" ht="18.75" customHeight="1" x14ac:dyDescent="0.15">
      <c r="A184" s="213"/>
      <c r="B184" s="205"/>
      <c r="C184" s="163"/>
      <c r="D184" s="170"/>
      <c r="E184" s="150"/>
      <c r="F184" s="308"/>
      <c r="G184" s="150"/>
      <c r="H184" s="305" t="s">
        <v>467</v>
      </c>
      <c r="I184" s="302" t="s">
        <v>363</v>
      </c>
      <c r="J184" s="186" t="s">
        <v>464</v>
      </c>
      <c r="K184" s="186"/>
      <c r="L184" s="304" t="s">
        <v>363</v>
      </c>
      <c r="M184" s="186" t="s">
        <v>465</v>
      </c>
      <c r="N184" s="186"/>
      <c r="O184" s="304" t="s">
        <v>363</v>
      </c>
      <c r="P184" s="186" t="s">
        <v>466</v>
      </c>
      <c r="Q184" s="303"/>
      <c r="R184" s="304"/>
      <c r="S184" s="186"/>
      <c r="T184" s="176"/>
      <c r="U184" s="176"/>
      <c r="V184" s="176"/>
      <c r="W184" s="176"/>
      <c r="X184" s="177"/>
      <c r="Y184" s="140"/>
      <c r="Z184" s="138"/>
      <c r="AA184" s="138"/>
      <c r="AB184" s="141"/>
      <c r="AC184" s="355"/>
      <c r="AD184" s="355"/>
      <c r="AE184" s="355"/>
      <c r="AF184" s="355"/>
    </row>
    <row r="185" spans="1:32" ht="18.75" customHeight="1" x14ac:dyDescent="0.15">
      <c r="A185" s="213"/>
      <c r="B185" s="205"/>
      <c r="C185" s="163"/>
      <c r="D185" s="156"/>
      <c r="E185" s="152"/>
      <c r="F185" s="254"/>
      <c r="G185" s="152"/>
      <c r="H185" s="316" t="s">
        <v>468</v>
      </c>
      <c r="I185" s="309" t="s">
        <v>363</v>
      </c>
      <c r="J185" s="310" t="s">
        <v>250</v>
      </c>
      <c r="K185" s="310"/>
      <c r="L185" s="311" t="s">
        <v>363</v>
      </c>
      <c r="M185" s="310" t="s">
        <v>263</v>
      </c>
      <c r="N185" s="310"/>
      <c r="O185" s="310"/>
      <c r="P185" s="310"/>
      <c r="Q185" s="312"/>
      <c r="R185" s="312"/>
      <c r="S185" s="312"/>
      <c r="T185" s="312"/>
      <c r="U185" s="312"/>
      <c r="V185" s="312"/>
      <c r="W185" s="312"/>
      <c r="X185" s="313"/>
      <c r="Y185" s="195"/>
      <c r="Z185" s="196"/>
      <c r="AA185" s="196"/>
      <c r="AB185" s="197"/>
      <c r="AC185" s="356"/>
      <c r="AD185" s="356"/>
      <c r="AE185" s="356"/>
      <c r="AF185" s="356"/>
    </row>
    <row r="186" spans="1:32" ht="18.75" customHeight="1" x14ac:dyDescent="0.15">
      <c r="A186" s="213"/>
      <c r="B186" s="205"/>
      <c r="C186" s="163"/>
      <c r="D186" s="153"/>
      <c r="E186" s="110"/>
      <c r="F186" s="153"/>
      <c r="G186" s="175"/>
      <c r="H186" s="251" t="s">
        <v>130</v>
      </c>
      <c r="I186" s="223" t="s">
        <v>363</v>
      </c>
      <c r="J186" s="180" t="s">
        <v>282</v>
      </c>
      <c r="K186" s="224"/>
      <c r="L186" s="255"/>
      <c r="M186" s="225" t="s">
        <v>363</v>
      </c>
      <c r="N186" s="180" t="s">
        <v>310</v>
      </c>
      <c r="O186" s="169"/>
      <c r="P186" s="224"/>
      <c r="Q186" s="224"/>
      <c r="R186" s="224"/>
      <c r="S186" s="224"/>
      <c r="T186" s="224"/>
      <c r="U186" s="224"/>
      <c r="V186" s="224"/>
      <c r="W186" s="224"/>
      <c r="X186" s="232"/>
      <c r="Y186" s="214" t="s">
        <v>363</v>
      </c>
      <c r="Z186" s="109" t="s">
        <v>249</v>
      </c>
      <c r="AA186" s="109"/>
      <c r="AB186" s="194"/>
      <c r="AC186" s="352"/>
      <c r="AD186" s="352"/>
      <c r="AE186" s="352"/>
      <c r="AF186" s="352"/>
    </row>
    <row r="187" spans="1:32" ht="18.75" customHeight="1" x14ac:dyDescent="0.15">
      <c r="A187" s="213"/>
      <c r="B187" s="205"/>
      <c r="C187" s="163"/>
      <c r="D187" s="170"/>
      <c r="E187" s="139"/>
      <c r="F187" s="170"/>
      <c r="G187" s="150"/>
      <c r="H187" s="252" t="s">
        <v>178</v>
      </c>
      <c r="I187" s="220" t="s">
        <v>363</v>
      </c>
      <c r="J187" s="184" t="s">
        <v>282</v>
      </c>
      <c r="K187" s="182"/>
      <c r="L187" s="212"/>
      <c r="M187" s="221" t="s">
        <v>363</v>
      </c>
      <c r="N187" s="184" t="s">
        <v>310</v>
      </c>
      <c r="O187" s="239"/>
      <c r="P187" s="182"/>
      <c r="Q187" s="182"/>
      <c r="R187" s="182"/>
      <c r="S187" s="182"/>
      <c r="T187" s="182"/>
      <c r="U187" s="182"/>
      <c r="V187" s="182"/>
      <c r="W187" s="182"/>
      <c r="X187" s="183"/>
      <c r="Y187" s="214" t="s">
        <v>363</v>
      </c>
      <c r="Z187" s="143" t="s">
        <v>253</v>
      </c>
      <c r="AA187" s="138"/>
      <c r="AB187" s="141"/>
      <c r="AC187" s="354"/>
      <c r="AD187" s="354"/>
      <c r="AE187" s="354"/>
      <c r="AF187" s="354"/>
    </row>
    <row r="188" spans="1:32" ht="18.75" customHeight="1" x14ac:dyDescent="0.15">
      <c r="A188" s="213"/>
      <c r="B188" s="205"/>
      <c r="C188" s="163"/>
      <c r="D188" s="170"/>
      <c r="E188" s="139"/>
      <c r="F188" s="170"/>
      <c r="G188" s="150"/>
      <c r="H188" s="252" t="s">
        <v>133</v>
      </c>
      <c r="I188" s="220" t="s">
        <v>363</v>
      </c>
      <c r="J188" s="184" t="s">
        <v>250</v>
      </c>
      <c r="K188" s="182"/>
      <c r="L188" s="221" t="s">
        <v>363</v>
      </c>
      <c r="M188" s="184" t="s">
        <v>263</v>
      </c>
      <c r="N188" s="166"/>
      <c r="O188" s="166"/>
      <c r="P188" s="166"/>
      <c r="Q188" s="182"/>
      <c r="R188" s="182"/>
      <c r="S188" s="182"/>
      <c r="T188" s="182"/>
      <c r="U188" s="182"/>
      <c r="V188" s="182"/>
      <c r="W188" s="182"/>
      <c r="X188" s="183"/>
      <c r="Y188" s="140"/>
      <c r="Z188" s="138"/>
      <c r="AA188" s="138"/>
      <c r="AB188" s="141"/>
      <c r="AC188" s="354"/>
      <c r="AD188" s="354"/>
      <c r="AE188" s="354"/>
      <c r="AF188" s="354"/>
    </row>
    <row r="189" spans="1:32" ht="18.75" customHeight="1" x14ac:dyDescent="0.15">
      <c r="A189" s="213"/>
      <c r="B189" s="205"/>
      <c r="C189" s="163"/>
      <c r="D189" s="170"/>
      <c r="E189" s="139"/>
      <c r="F189" s="170"/>
      <c r="G189" s="150"/>
      <c r="H189" s="252" t="s">
        <v>110</v>
      </c>
      <c r="I189" s="220" t="s">
        <v>363</v>
      </c>
      <c r="J189" s="184" t="s">
        <v>261</v>
      </c>
      <c r="K189" s="182"/>
      <c r="L189" s="212"/>
      <c r="M189" s="221" t="s">
        <v>363</v>
      </c>
      <c r="N189" s="184" t="s">
        <v>262</v>
      </c>
      <c r="O189" s="166"/>
      <c r="P189" s="166"/>
      <c r="Q189" s="182"/>
      <c r="R189" s="182"/>
      <c r="S189" s="182"/>
      <c r="T189" s="182"/>
      <c r="U189" s="182"/>
      <c r="V189" s="182"/>
      <c r="W189" s="182"/>
      <c r="X189" s="183"/>
      <c r="Y189" s="140"/>
      <c r="Z189" s="138"/>
      <c r="AA189" s="138"/>
      <c r="AB189" s="141"/>
      <c r="AC189" s="354"/>
      <c r="AD189" s="354"/>
      <c r="AE189" s="354"/>
      <c r="AF189" s="354"/>
    </row>
    <row r="190" spans="1:32" ht="18.75" customHeight="1" x14ac:dyDescent="0.15">
      <c r="A190" s="213"/>
      <c r="B190" s="205"/>
      <c r="C190" s="163"/>
      <c r="D190" s="170"/>
      <c r="E190" s="139"/>
      <c r="F190" s="230" t="s">
        <v>363</v>
      </c>
      <c r="G190" s="150" t="s">
        <v>338</v>
      </c>
      <c r="H190" s="252" t="s">
        <v>126</v>
      </c>
      <c r="I190" s="220" t="s">
        <v>363</v>
      </c>
      <c r="J190" s="184" t="s">
        <v>250</v>
      </c>
      <c r="K190" s="182"/>
      <c r="L190" s="221" t="s">
        <v>363</v>
      </c>
      <c r="M190" s="184" t="s">
        <v>263</v>
      </c>
      <c r="N190" s="166"/>
      <c r="O190" s="166"/>
      <c r="P190" s="166"/>
      <c r="Q190" s="182"/>
      <c r="R190" s="182"/>
      <c r="S190" s="182"/>
      <c r="T190" s="182"/>
      <c r="U190" s="182"/>
      <c r="V190" s="182"/>
      <c r="W190" s="182"/>
      <c r="X190" s="183"/>
      <c r="Y190" s="140"/>
      <c r="Z190" s="138"/>
      <c r="AA190" s="138"/>
      <c r="AB190" s="141"/>
      <c r="AC190" s="354"/>
      <c r="AD190" s="354"/>
      <c r="AE190" s="354"/>
      <c r="AF190" s="354"/>
    </row>
    <row r="191" spans="1:32" ht="18.75" customHeight="1" x14ac:dyDescent="0.15">
      <c r="A191" s="213"/>
      <c r="B191" s="205"/>
      <c r="C191" s="163"/>
      <c r="D191" s="170"/>
      <c r="E191" s="139"/>
      <c r="F191" s="170"/>
      <c r="G191" s="150" t="s">
        <v>319</v>
      </c>
      <c r="H191" s="252" t="s">
        <v>201</v>
      </c>
      <c r="I191" s="220" t="s">
        <v>363</v>
      </c>
      <c r="J191" s="184" t="s">
        <v>250</v>
      </c>
      <c r="K191" s="184"/>
      <c r="L191" s="221" t="s">
        <v>363</v>
      </c>
      <c r="M191" s="184" t="s">
        <v>251</v>
      </c>
      <c r="N191" s="184"/>
      <c r="O191" s="221" t="s">
        <v>363</v>
      </c>
      <c r="P191" s="184" t="s">
        <v>252</v>
      </c>
      <c r="Q191" s="166"/>
      <c r="R191" s="182"/>
      <c r="S191" s="182"/>
      <c r="T191" s="182"/>
      <c r="U191" s="182"/>
      <c r="V191" s="182"/>
      <c r="W191" s="182"/>
      <c r="X191" s="183"/>
      <c r="Y191" s="140"/>
      <c r="Z191" s="138"/>
      <c r="AA191" s="138"/>
      <c r="AB191" s="141"/>
      <c r="AC191" s="354"/>
      <c r="AD191" s="354"/>
      <c r="AE191" s="354"/>
      <c r="AF191" s="354"/>
    </row>
    <row r="192" spans="1:32" ht="18.75" customHeight="1" x14ac:dyDescent="0.15">
      <c r="A192" s="213"/>
      <c r="B192" s="205"/>
      <c r="C192" s="163"/>
      <c r="D192" s="170"/>
      <c r="E192" s="139"/>
      <c r="F192" s="230" t="s">
        <v>363</v>
      </c>
      <c r="G192" s="150" t="s">
        <v>339</v>
      </c>
      <c r="H192" s="357" t="s">
        <v>115</v>
      </c>
      <c r="I192" s="240" t="s">
        <v>363</v>
      </c>
      <c r="J192" s="186" t="s">
        <v>298</v>
      </c>
      <c r="K192" s="186"/>
      <c r="L192" s="176"/>
      <c r="M192" s="176"/>
      <c r="N192" s="176"/>
      <c r="O192" s="176"/>
      <c r="P192" s="242" t="s">
        <v>363</v>
      </c>
      <c r="Q192" s="186" t="s">
        <v>299</v>
      </c>
      <c r="R192" s="176"/>
      <c r="S192" s="176"/>
      <c r="T192" s="176"/>
      <c r="U192" s="176"/>
      <c r="V192" s="176"/>
      <c r="W192" s="176"/>
      <c r="X192" s="177"/>
      <c r="Y192" s="140"/>
      <c r="Z192" s="138"/>
      <c r="AA192" s="138"/>
      <c r="AB192" s="141"/>
      <c r="AC192" s="354"/>
      <c r="AD192" s="354"/>
      <c r="AE192" s="354"/>
      <c r="AF192" s="354"/>
    </row>
    <row r="193" spans="1:32" s="161" customFormat="1" ht="18.75" customHeight="1" x14ac:dyDescent="0.15">
      <c r="A193" s="213"/>
      <c r="B193" s="205"/>
      <c r="C193" s="163"/>
      <c r="D193" s="230" t="s">
        <v>363</v>
      </c>
      <c r="E193" s="139" t="s">
        <v>204</v>
      </c>
      <c r="F193" s="170"/>
      <c r="G193" s="150" t="s">
        <v>321</v>
      </c>
      <c r="H193" s="358"/>
      <c r="I193" s="241" t="s">
        <v>363</v>
      </c>
      <c r="J193" s="188" t="s">
        <v>312</v>
      </c>
      <c r="K193" s="178"/>
      <c r="L193" s="178"/>
      <c r="M193" s="178"/>
      <c r="N193" s="178"/>
      <c r="O193" s="178"/>
      <c r="P193" s="178"/>
      <c r="Q193" s="237"/>
      <c r="R193" s="178"/>
      <c r="S193" s="178"/>
      <c r="T193" s="178"/>
      <c r="U193" s="178"/>
      <c r="V193" s="178"/>
      <c r="W193" s="178"/>
      <c r="X193" s="179"/>
      <c r="Y193" s="140"/>
      <c r="Z193" s="138"/>
      <c r="AA193" s="138"/>
      <c r="AB193" s="141"/>
      <c r="AC193" s="354"/>
      <c r="AD193" s="354"/>
      <c r="AE193" s="354"/>
      <c r="AF193" s="354"/>
    </row>
    <row r="194" spans="1:32" ht="18.75" customHeight="1" x14ac:dyDescent="0.15">
      <c r="A194" s="213"/>
      <c r="B194" s="205"/>
      <c r="C194" s="163"/>
      <c r="D194" s="170"/>
      <c r="E194" s="139"/>
      <c r="F194" s="230" t="s">
        <v>363</v>
      </c>
      <c r="G194" s="150" t="s">
        <v>340</v>
      </c>
      <c r="H194" s="357" t="s">
        <v>116</v>
      </c>
      <c r="I194" s="240" t="s">
        <v>363</v>
      </c>
      <c r="J194" s="186" t="s">
        <v>313</v>
      </c>
      <c r="K194" s="192"/>
      <c r="L194" s="200"/>
      <c r="M194" s="242" t="s">
        <v>363</v>
      </c>
      <c r="N194" s="186" t="s">
        <v>314</v>
      </c>
      <c r="O194" s="176"/>
      <c r="P194" s="176"/>
      <c r="Q194" s="242" t="s">
        <v>363</v>
      </c>
      <c r="R194" s="186" t="s">
        <v>315</v>
      </c>
      <c r="S194" s="176"/>
      <c r="T194" s="176"/>
      <c r="U194" s="176"/>
      <c r="V194" s="176"/>
      <c r="W194" s="176"/>
      <c r="X194" s="177"/>
      <c r="Y194" s="140"/>
      <c r="Z194" s="138"/>
      <c r="AA194" s="138"/>
      <c r="AB194" s="141"/>
      <c r="AC194" s="354"/>
      <c r="AD194" s="354"/>
      <c r="AE194" s="354"/>
      <c r="AF194" s="354"/>
    </row>
    <row r="195" spans="1:32" s="161" customFormat="1" ht="18.75" customHeight="1" x14ac:dyDescent="0.15">
      <c r="A195" s="213"/>
      <c r="B195" s="205"/>
      <c r="C195" s="163"/>
      <c r="D195" s="170"/>
      <c r="E195" s="139"/>
      <c r="F195" s="170"/>
      <c r="G195" s="150" t="s">
        <v>323</v>
      </c>
      <c r="H195" s="358"/>
      <c r="I195" s="241" t="s">
        <v>363</v>
      </c>
      <c r="J195" s="188" t="s">
        <v>316</v>
      </c>
      <c r="K195" s="178"/>
      <c r="L195" s="178"/>
      <c r="M195" s="178"/>
      <c r="N195" s="178"/>
      <c r="O195" s="178"/>
      <c r="P195" s="178"/>
      <c r="Q195" s="243" t="s">
        <v>363</v>
      </c>
      <c r="R195" s="188" t="s">
        <v>317</v>
      </c>
      <c r="S195" s="237"/>
      <c r="T195" s="178"/>
      <c r="U195" s="178"/>
      <c r="V195" s="178"/>
      <c r="W195" s="178"/>
      <c r="X195" s="179"/>
      <c r="Y195" s="140"/>
      <c r="Z195" s="138"/>
      <c r="AA195" s="138"/>
      <c r="AB195" s="141"/>
      <c r="AC195" s="354"/>
      <c r="AD195" s="354"/>
      <c r="AE195" s="354"/>
      <c r="AF195" s="354"/>
    </row>
    <row r="196" spans="1:32" ht="18.75" customHeight="1" x14ac:dyDescent="0.15">
      <c r="A196" s="213"/>
      <c r="B196" s="205"/>
      <c r="C196" s="163"/>
      <c r="D196" s="170"/>
      <c r="E196" s="139"/>
      <c r="F196" s="230" t="s">
        <v>363</v>
      </c>
      <c r="G196" s="150" t="s">
        <v>341</v>
      </c>
      <c r="H196" s="252" t="s">
        <v>131</v>
      </c>
      <c r="I196" s="220" t="s">
        <v>363</v>
      </c>
      <c r="J196" s="184" t="s">
        <v>250</v>
      </c>
      <c r="K196" s="184"/>
      <c r="L196" s="221" t="s">
        <v>363</v>
      </c>
      <c r="M196" s="184" t="s">
        <v>256</v>
      </c>
      <c r="N196" s="184"/>
      <c r="O196" s="221" t="s">
        <v>363</v>
      </c>
      <c r="P196" s="184" t="s">
        <v>257</v>
      </c>
      <c r="Q196" s="239"/>
      <c r="R196" s="221" t="s">
        <v>363</v>
      </c>
      <c r="S196" s="184" t="s">
        <v>273</v>
      </c>
      <c r="T196" s="239"/>
      <c r="U196" s="239"/>
      <c r="V196" s="239"/>
      <c r="W196" s="239"/>
      <c r="X196" s="209"/>
      <c r="Y196" s="140"/>
      <c r="Z196" s="138"/>
      <c r="AA196" s="138"/>
      <c r="AB196" s="141"/>
      <c r="AC196" s="354"/>
      <c r="AD196" s="354"/>
      <c r="AE196" s="354"/>
      <c r="AF196" s="354"/>
    </row>
    <row r="197" spans="1:32" ht="18.75" customHeight="1" x14ac:dyDescent="0.15">
      <c r="A197" s="213"/>
      <c r="B197" s="205"/>
      <c r="C197" s="163"/>
      <c r="D197" s="170"/>
      <c r="E197" s="139"/>
      <c r="F197" s="170"/>
      <c r="G197" s="150"/>
      <c r="H197" s="359" t="s">
        <v>224</v>
      </c>
      <c r="I197" s="373" t="s">
        <v>363</v>
      </c>
      <c r="J197" s="374" t="s">
        <v>250</v>
      </c>
      <c r="K197" s="374"/>
      <c r="L197" s="375" t="s">
        <v>363</v>
      </c>
      <c r="M197" s="374" t="s">
        <v>263</v>
      </c>
      <c r="N197" s="374"/>
      <c r="O197" s="238"/>
      <c r="P197" s="238"/>
      <c r="Q197" s="238"/>
      <c r="R197" s="238"/>
      <c r="S197" s="238"/>
      <c r="T197" s="238"/>
      <c r="U197" s="238"/>
      <c r="V197" s="238"/>
      <c r="W197" s="238"/>
      <c r="X197" s="199"/>
      <c r="Y197" s="140"/>
      <c r="Z197" s="138"/>
      <c r="AA197" s="138"/>
      <c r="AB197" s="141"/>
      <c r="AC197" s="354"/>
      <c r="AD197" s="354"/>
      <c r="AE197" s="354"/>
      <c r="AF197" s="354"/>
    </row>
    <row r="198" spans="1:32" s="161" customFormat="1" ht="18.75" customHeight="1" x14ac:dyDescent="0.15">
      <c r="A198" s="213"/>
      <c r="B198" s="205"/>
      <c r="C198" s="163"/>
      <c r="D198" s="170"/>
      <c r="E198" s="139"/>
      <c r="F198" s="170"/>
      <c r="G198" s="150"/>
      <c r="H198" s="360"/>
      <c r="I198" s="373"/>
      <c r="J198" s="374"/>
      <c r="K198" s="374"/>
      <c r="L198" s="375"/>
      <c r="M198" s="374"/>
      <c r="N198" s="374"/>
      <c r="O198" s="237"/>
      <c r="P198" s="237"/>
      <c r="Q198" s="237"/>
      <c r="R198" s="237"/>
      <c r="S198" s="237"/>
      <c r="T198" s="237"/>
      <c r="U198" s="237"/>
      <c r="V198" s="237"/>
      <c r="W198" s="237"/>
      <c r="X198" s="204"/>
      <c r="Y198" s="140"/>
      <c r="Z198" s="138"/>
      <c r="AA198" s="138"/>
      <c r="AB198" s="141"/>
      <c r="AC198" s="354"/>
      <c r="AD198" s="354"/>
      <c r="AE198" s="354"/>
      <c r="AF198" s="354"/>
    </row>
    <row r="199" spans="1:32" ht="18.75" customHeight="1" x14ac:dyDescent="0.15">
      <c r="A199" s="213"/>
      <c r="B199" s="205"/>
      <c r="C199" s="163"/>
      <c r="D199" s="170"/>
      <c r="E199" s="139"/>
      <c r="F199" s="170"/>
      <c r="G199" s="150"/>
      <c r="H199" s="206" t="s">
        <v>135</v>
      </c>
      <c r="I199" s="220" t="s">
        <v>363</v>
      </c>
      <c r="J199" s="184" t="s">
        <v>250</v>
      </c>
      <c r="K199" s="184"/>
      <c r="L199" s="221" t="s">
        <v>363</v>
      </c>
      <c r="M199" s="184" t="s">
        <v>256</v>
      </c>
      <c r="N199" s="184"/>
      <c r="O199" s="221" t="s">
        <v>363</v>
      </c>
      <c r="P199" s="184" t="s">
        <v>257</v>
      </c>
      <c r="Q199" s="239"/>
      <c r="R199" s="221" t="s">
        <v>363</v>
      </c>
      <c r="S199" s="184" t="s">
        <v>258</v>
      </c>
      <c r="T199" s="166"/>
      <c r="U199" s="166"/>
      <c r="V199" s="166"/>
      <c r="W199" s="166"/>
      <c r="X199" s="211"/>
      <c r="Y199" s="140"/>
      <c r="Z199" s="138"/>
      <c r="AA199" s="138"/>
      <c r="AB199" s="141"/>
      <c r="AC199" s="354"/>
      <c r="AD199" s="354"/>
      <c r="AE199" s="354"/>
      <c r="AF199" s="354"/>
    </row>
    <row r="200" spans="1:32" s="307" customFormat="1" ht="18.75" customHeight="1" x14ac:dyDescent="0.15">
      <c r="A200" s="213"/>
      <c r="B200" s="205"/>
      <c r="C200" s="163"/>
      <c r="D200" s="170"/>
      <c r="E200" s="139"/>
      <c r="F200" s="170"/>
      <c r="G200" s="150"/>
      <c r="H200" s="305" t="s">
        <v>467</v>
      </c>
      <c r="I200" s="302" t="s">
        <v>363</v>
      </c>
      <c r="J200" s="186" t="s">
        <v>464</v>
      </c>
      <c r="K200" s="186"/>
      <c r="L200" s="304" t="s">
        <v>363</v>
      </c>
      <c r="M200" s="186" t="s">
        <v>465</v>
      </c>
      <c r="N200" s="186"/>
      <c r="O200" s="304" t="s">
        <v>363</v>
      </c>
      <c r="P200" s="186" t="s">
        <v>466</v>
      </c>
      <c r="Q200" s="303"/>
      <c r="R200" s="304"/>
      <c r="S200" s="186"/>
      <c r="T200" s="176"/>
      <c r="U200" s="176"/>
      <c r="V200" s="176"/>
      <c r="W200" s="176"/>
      <c r="X200" s="177"/>
      <c r="Y200" s="140"/>
      <c r="Z200" s="138"/>
      <c r="AA200" s="138"/>
      <c r="AB200" s="141"/>
      <c r="AC200" s="355"/>
      <c r="AD200" s="355"/>
      <c r="AE200" s="355"/>
      <c r="AF200" s="355"/>
    </row>
    <row r="201" spans="1:32" ht="18.75" customHeight="1" x14ac:dyDescent="0.15">
      <c r="A201" s="215"/>
      <c r="B201" s="247"/>
      <c r="C201" s="164"/>
      <c r="D201" s="156"/>
      <c r="E201" s="198"/>
      <c r="F201" s="156"/>
      <c r="G201" s="152"/>
      <c r="H201" s="316" t="s">
        <v>468</v>
      </c>
      <c r="I201" s="309" t="s">
        <v>363</v>
      </c>
      <c r="J201" s="310" t="s">
        <v>250</v>
      </c>
      <c r="K201" s="310"/>
      <c r="L201" s="311" t="s">
        <v>363</v>
      </c>
      <c r="M201" s="310" t="s">
        <v>263</v>
      </c>
      <c r="N201" s="310"/>
      <c r="O201" s="311"/>
      <c r="P201" s="310"/>
      <c r="Q201" s="312"/>
      <c r="R201" s="312"/>
      <c r="S201" s="312"/>
      <c r="T201" s="312"/>
      <c r="U201" s="312"/>
      <c r="V201" s="312"/>
      <c r="W201" s="312"/>
      <c r="X201" s="313"/>
      <c r="Y201" s="195"/>
      <c r="Z201" s="196"/>
      <c r="AA201" s="196"/>
      <c r="AB201" s="197"/>
      <c r="AC201" s="356"/>
      <c r="AD201" s="356"/>
      <c r="AE201" s="356"/>
      <c r="AF201" s="356"/>
    </row>
    <row r="202" spans="1:32" ht="18.75" customHeight="1" x14ac:dyDescent="0.15">
      <c r="A202" s="108"/>
      <c r="B202" s="245"/>
      <c r="C202" s="162"/>
      <c r="D202" s="153"/>
      <c r="E202" s="175"/>
      <c r="F202" s="256"/>
      <c r="G202" s="175"/>
      <c r="H202" s="251" t="s">
        <v>112</v>
      </c>
      <c r="I202" s="223" t="s">
        <v>363</v>
      </c>
      <c r="J202" s="180" t="s">
        <v>261</v>
      </c>
      <c r="K202" s="224"/>
      <c r="L202" s="255"/>
      <c r="M202" s="225" t="s">
        <v>363</v>
      </c>
      <c r="N202" s="180" t="s">
        <v>262</v>
      </c>
      <c r="O202" s="165"/>
      <c r="P202" s="165"/>
      <c r="Q202" s="165"/>
      <c r="R202" s="165"/>
      <c r="S202" s="165"/>
      <c r="T202" s="165"/>
      <c r="U202" s="165"/>
      <c r="V202" s="165"/>
      <c r="W202" s="165"/>
      <c r="X202" s="210"/>
      <c r="Y202" s="228" t="s">
        <v>363</v>
      </c>
      <c r="Z202" s="109" t="s">
        <v>249</v>
      </c>
      <c r="AA202" s="109"/>
      <c r="AB202" s="194"/>
      <c r="AC202" s="352"/>
      <c r="AD202" s="352"/>
      <c r="AE202" s="352"/>
      <c r="AF202" s="352"/>
    </row>
    <row r="203" spans="1:32" ht="18.75" customHeight="1" x14ac:dyDescent="0.15">
      <c r="A203" s="213"/>
      <c r="B203" s="205"/>
      <c r="C203" s="163"/>
      <c r="D203" s="170"/>
      <c r="E203" s="150"/>
      <c r="F203" s="258"/>
      <c r="G203" s="150"/>
      <c r="H203" s="252" t="s">
        <v>130</v>
      </c>
      <c r="I203" s="220" t="s">
        <v>363</v>
      </c>
      <c r="J203" s="184" t="s">
        <v>282</v>
      </c>
      <c r="K203" s="182"/>
      <c r="L203" s="212"/>
      <c r="M203" s="221" t="s">
        <v>363</v>
      </c>
      <c r="N203" s="184" t="s">
        <v>310</v>
      </c>
      <c r="O203" s="166"/>
      <c r="P203" s="166"/>
      <c r="Q203" s="166"/>
      <c r="R203" s="166"/>
      <c r="S203" s="166"/>
      <c r="T203" s="166"/>
      <c r="U203" s="166"/>
      <c r="V203" s="166"/>
      <c r="W203" s="166"/>
      <c r="X203" s="211"/>
      <c r="Y203" s="214" t="s">
        <v>363</v>
      </c>
      <c r="Z203" s="143" t="s">
        <v>253</v>
      </c>
      <c r="AA203" s="138"/>
      <c r="AB203" s="141"/>
      <c r="AC203" s="354"/>
      <c r="AD203" s="354"/>
      <c r="AE203" s="354"/>
      <c r="AF203" s="354"/>
    </row>
    <row r="204" spans="1:32" ht="18.75" customHeight="1" x14ac:dyDescent="0.15">
      <c r="A204" s="213"/>
      <c r="B204" s="205"/>
      <c r="C204" s="163"/>
      <c r="D204" s="170"/>
      <c r="E204" s="150"/>
      <c r="F204" s="258"/>
      <c r="G204" s="150"/>
      <c r="H204" s="252" t="s">
        <v>178</v>
      </c>
      <c r="I204" s="220" t="s">
        <v>363</v>
      </c>
      <c r="J204" s="184" t="s">
        <v>282</v>
      </c>
      <c r="K204" s="182"/>
      <c r="L204" s="212"/>
      <c r="M204" s="221" t="s">
        <v>363</v>
      </c>
      <c r="N204" s="184" t="s">
        <v>310</v>
      </c>
      <c r="O204" s="166"/>
      <c r="P204" s="166"/>
      <c r="Q204" s="166"/>
      <c r="R204" s="166"/>
      <c r="S204" s="166"/>
      <c r="T204" s="166"/>
      <c r="U204" s="166"/>
      <c r="V204" s="166"/>
      <c r="W204" s="166"/>
      <c r="X204" s="211"/>
      <c r="Y204" s="140"/>
      <c r="Z204" s="138"/>
      <c r="AA204" s="138"/>
      <c r="AB204" s="141"/>
      <c r="AC204" s="354"/>
      <c r="AD204" s="354"/>
      <c r="AE204" s="354"/>
      <c r="AF204" s="354"/>
    </row>
    <row r="205" spans="1:32" ht="18.75" customHeight="1" x14ac:dyDescent="0.15">
      <c r="A205" s="213"/>
      <c r="B205" s="205"/>
      <c r="C205" s="163"/>
      <c r="D205" s="170"/>
      <c r="E205" s="150"/>
      <c r="F205" s="258"/>
      <c r="G205" s="150"/>
      <c r="H205" s="252" t="s">
        <v>133</v>
      </c>
      <c r="I205" s="220" t="s">
        <v>363</v>
      </c>
      <c r="J205" s="184" t="s">
        <v>250</v>
      </c>
      <c r="K205" s="182"/>
      <c r="L205" s="221" t="s">
        <v>363</v>
      </c>
      <c r="M205" s="184" t="s">
        <v>263</v>
      </c>
      <c r="N205" s="166"/>
      <c r="O205" s="166"/>
      <c r="P205" s="166"/>
      <c r="Q205" s="182"/>
      <c r="R205" s="166"/>
      <c r="S205" s="166"/>
      <c r="T205" s="166"/>
      <c r="U205" s="166"/>
      <c r="V205" s="166"/>
      <c r="W205" s="166"/>
      <c r="X205" s="211"/>
      <c r="Y205" s="140"/>
      <c r="Z205" s="138"/>
      <c r="AA205" s="138"/>
      <c r="AB205" s="141"/>
      <c r="AC205" s="354"/>
      <c r="AD205" s="354"/>
      <c r="AE205" s="354"/>
      <c r="AF205" s="354"/>
    </row>
    <row r="206" spans="1:32" ht="18.75" customHeight="1" x14ac:dyDescent="0.15">
      <c r="A206" s="213"/>
      <c r="B206" s="205"/>
      <c r="C206" s="163"/>
      <c r="D206" s="170"/>
      <c r="E206" s="150"/>
      <c r="F206" s="258"/>
      <c r="G206" s="150"/>
      <c r="H206" s="252" t="s">
        <v>110</v>
      </c>
      <c r="I206" s="220" t="s">
        <v>363</v>
      </c>
      <c r="J206" s="184" t="s">
        <v>261</v>
      </c>
      <c r="K206" s="182"/>
      <c r="L206" s="212"/>
      <c r="M206" s="221" t="s">
        <v>363</v>
      </c>
      <c r="N206" s="184" t="s">
        <v>262</v>
      </c>
      <c r="O206" s="166"/>
      <c r="P206" s="166"/>
      <c r="Q206" s="182"/>
      <c r="R206" s="166"/>
      <c r="S206" s="166"/>
      <c r="T206" s="166"/>
      <c r="U206" s="166"/>
      <c r="V206" s="166"/>
      <c r="W206" s="166"/>
      <c r="X206" s="211"/>
      <c r="Y206" s="140"/>
      <c r="Z206" s="138"/>
      <c r="AA206" s="138"/>
      <c r="AB206" s="141"/>
      <c r="AC206" s="354"/>
      <c r="AD206" s="354"/>
      <c r="AE206" s="354"/>
      <c r="AF206" s="354"/>
    </row>
    <row r="207" spans="1:32" ht="18.75" customHeight="1" x14ac:dyDescent="0.15">
      <c r="A207" s="213"/>
      <c r="B207" s="205"/>
      <c r="C207" s="163"/>
      <c r="D207" s="170"/>
      <c r="E207" s="150"/>
      <c r="F207" s="230" t="s">
        <v>363</v>
      </c>
      <c r="G207" s="150" t="s">
        <v>328</v>
      </c>
      <c r="H207" s="252" t="s">
        <v>126</v>
      </c>
      <c r="I207" s="220" t="s">
        <v>363</v>
      </c>
      <c r="J207" s="184" t="s">
        <v>250</v>
      </c>
      <c r="K207" s="182"/>
      <c r="L207" s="221" t="s">
        <v>363</v>
      </c>
      <c r="M207" s="184" t="s">
        <v>263</v>
      </c>
      <c r="N207" s="166"/>
      <c r="O207" s="166"/>
      <c r="P207" s="166"/>
      <c r="Q207" s="182"/>
      <c r="R207" s="166"/>
      <c r="S207" s="166"/>
      <c r="T207" s="166"/>
      <c r="U207" s="166"/>
      <c r="V207" s="166"/>
      <c r="W207" s="166"/>
      <c r="X207" s="211"/>
      <c r="Y207" s="140"/>
      <c r="Z207" s="138"/>
      <c r="AA207" s="138"/>
      <c r="AB207" s="141"/>
      <c r="AC207" s="354"/>
      <c r="AD207" s="354"/>
      <c r="AE207" s="354"/>
      <c r="AF207" s="354"/>
    </row>
    <row r="208" spans="1:32" ht="18.75" customHeight="1" x14ac:dyDescent="0.15">
      <c r="A208" s="213"/>
      <c r="B208" s="205"/>
      <c r="C208" s="163"/>
      <c r="D208" s="170"/>
      <c r="E208" s="150"/>
      <c r="F208" s="258"/>
      <c r="G208" s="150" t="s">
        <v>329</v>
      </c>
      <c r="H208" s="252" t="s">
        <v>201</v>
      </c>
      <c r="I208" s="220" t="s">
        <v>363</v>
      </c>
      <c r="J208" s="184" t="s">
        <v>250</v>
      </c>
      <c r="K208" s="184"/>
      <c r="L208" s="221" t="s">
        <v>363</v>
      </c>
      <c r="M208" s="184" t="s">
        <v>251</v>
      </c>
      <c r="N208" s="184"/>
      <c r="O208" s="221" t="s">
        <v>363</v>
      </c>
      <c r="P208" s="184" t="s">
        <v>252</v>
      </c>
      <c r="Q208" s="166"/>
      <c r="R208" s="166"/>
      <c r="S208" s="166"/>
      <c r="T208" s="166"/>
      <c r="U208" s="166"/>
      <c r="V208" s="166"/>
      <c r="W208" s="166"/>
      <c r="X208" s="211"/>
      <c r="Y208" s="140"/>
      <c r="Z208" s="138"/>
      <c r="AA208" s="138"/>
      <c r="AB208" s="141"/>
      <c r="AC208" s="354"/>
      <c r="AD208" s="354"/>
      <c r="AE208" s="354"/>
      <c r="AF208" s="354"/>
    </row>
    <row r="209" spans="1:32" ht="18.75" customHeight="1" x14ac:dyDescent="0.15">
      <c r="A209" s="213"/>
      <c r="B209" s="205"/>
      <c r="C209" s="163"/>
      <c r="D209" s="230" t="s">
        <v>363</v>
      </c>
      <c r="E209" s="150" t="s">
        <v>342</v>
      </c>
      <c r="F209" s="230" t="s">
        <v>363</v>
      </c>
      <c r="G209" s="150" t="s">
        <v>330</v>
      </c>
      <c r="H209" s="357" t="s">
        <v>115</v>
      </c>
      <c r="I209" s="240" t="s">
        <v>363</v>
      </c>
      <c r="J209" s="186" t="s">
        <v>298</v>
      </c>
      <c r="K209" s="186"/>
      <c r="L209" s="176"/>
      <c r="M209" s="176"/>
      <c r="N209" s="176"/>
      <c r="O209" s="176"/>
      <c r="P209" s="242" t="s">
        <v>363</v>
      </c>
      <c r="Q209" s="186" t="s">
        <v>299</v>
      </c>
      <c r="R209" s="176"/>
      <c r="S209" s="176"/>
      <c r="T209" s="176"/>
      <c r="U209" s="176"/>
      <c r="V209" s="176"/>
      <c r="W209" s="176"/>
      <c r="X209" s="177"/>
      <c r="Y209" s="140"/>
      <c r="Z209" s="138"/>
      <c r="AA209" s="138"/>
      <c r="AB209" s="141"/>
      <c r="AC209" s="354"/>
      <c r="AD209" s="354"/>
      <c r="AE209" s="354"/>
      <c r="AF209" s="354"/>
    </row>
    <row r="210" spans="1:32" s="161" customFormat="1" ht="18.75" customHeight="1" x14ac:dyDescent="0.15">
      <c r="A210" s="213"/>
      <c r="B210" s="205"/>
      <c r="C210" s="163"/>
      <c r="D210" s="170"/>
      <c r="E210" s="150"/>
      <c r="F210" s="258"/>
      <c r="G210" s="150" t="s">
        <v>331</v>
      </c>
      <c r="H210" s="358"/>
      <c r="I210" s="241" t="s">
        <v>363</v>
      </c>
      <c r="J210" s="188" t="s">
        <v>312</v>
      </c>
      <c r="K210" s="178"/>
      <c r="L210" s="178"/>
      <c r="M210" s="178"/>
      <c r="N210" s="178"/>
      <c r="O210" s="178"/>
      <c r="P210" s="178"/>
      <c r="Q210" s="237"/>
      <c r="R210" s="178"/>
      <c r="S210" s="178"/>
      <c r="T210" s="178"/>
      <c r="U210" s="178"/>
      <c r="V210" s="178"/>
      <c r="W210" s="178"/>
      <c r="X210" s="179"/>
      <c r="Y210" s="140"/>
      <c r="Z210" s="138"/>
      <c r="AA210" s="138"/>
      <c r="AB210" s="141"/>
      <c r="AC210" s="354"/>
      <c r="AD210" s="354"/>
      <c r="AE210" s="354"/>
      <c r="AF210" s="354"/>
    </row>
    <row r="211" spans="1:32" ht="18.75" customHeight="1" x14ac:dyDescent="0.15">
      <c r="A211" s="213"/>
      <c r="B211" s="205"/>
      <c r="C211" s="163"/>
      <c r="D211" s="170"/>
      <c r="E211" s="150"/>
      <c r="F211" s="230" t="s">
        <v>363</v>
      </c>
      <c r="G211" s="150" t="s">
        <v>332</v>
      </c>
      <c r="H211" s="357" t="s">
        <v>116</v>
      </c>
      <c r="I211" s="240" t="s">
        <v>363</v>
      </c>
      <c r="J211" s="186" t="s">
        <v>313</v>
      </c>
      <c r="K211" s="192"/>
      <c r="L211" s="200"/>
      <c r="M211" s="242" t="s">
        <v>363</v>
      </c>
      <c r="N211" s="186" t="s">
        <v>314</v>
      </c>
      <c r="O211" s="176"/>
      <c r="P211" s="176"/>
      <c r="Q211" s="242" t="s">
        <v>363</v>
      </c>
      <c r="R211" s="186" t="s">
        <v>315</v>
      </c>
      <c r="S211" s="176"/>
      <c r="T211" s="176"/>
      <c r="U211" s="176"/>
      <c r="V211" s="176"/>
      <c r="W211" s="176"/>
      <c r="X211" s="177"/>
      <c r="Y211" s="140"/>
      <c r="Z211" s="138"/>
      <c r="AA211" s="138"/>
      <c r="AB211" s="141"/>
      <c r="AC211" s="354"/>
      <c r="AD211" s="354"/>
      <c r="AE211" s="354"/>
      <c r="AF211" s="354"/>
    </row>
    <row r="212" spans="1:32" s="161" customFormat="1" ht="18.75" customHeight="1" x14ac:dyDescent="0.15">
      <c r="A212" s="213"/>
      <c r="B212" s="205"/>
      <c r="C212" s="163"/>
      <c r="D212" s="170"/>
      <c r="E212" s="150"/>
      <c r="F212" s="258"/>
      <c r="G212" s="150" t="s">
        <v>333</v>
      </c>
      <c r="H212" s="358"/>
      <c r="I212" s="241" t="s">
        <v>363</v>
      </c>
      <c r="J212" s="188" t="s">
        <v>316</v>
      </c>
      <c r="K212" s="178"/>
      <c r="L212" s="178"/>
      <c r="M212" s="178"/>
      <c r="N212" s="178"/>
      <c r="O212" s="178"/>
      <c r="P212" s="178"/>
      <c r="Q212" s="243" t="s">
        <v>363</v>
      </c>
      <c r="R212" s="188" t="s">
        <v>317</v>
      </c>
      <c r="S212" s="237"/>
      <c r="T212" s="178"/>
      <c r="U212" s="178"/>
      <c r="V212" s="178"/>
      <c r="W212" s="178"/>
      <c r="X212" s="179"/>
      <c r="Y212" s="140"/>
      <c r="Z212" s="138"/>
      <c r="AA212" s="138"/>
      <c r="AB212" s="141"/>
      <c r="AC212" s="354"/>
      <c r="AD212" s="354"/>
      <c r="AE212" s="354"/>
      <c r="AF212" s="354"/>
    </row>
    <row r="213" spans="1:32" ht="18.75" customHeight="1" x14ac:dyDescent="0.15">
      <c r="A213" s="213"/>
      <c r="B213" s="205"/>
      <c r="C213" s="163"/>
      <c r="D213" s="170"/>
      <c r="E213" s="150"/>
      <c r="F213" s="258"/>
      <c r="G213" s="150"/>
      <c r="H213" s="252" t="s">
        <v>131</v>
      </c>
      <c r="I213" s="220" t="s">
        <v>363</v>
      </c>
      <c r="J213" s="184" t="s">
        <v>250</v>
      </c>
      <c r="K213" s="184"/>
      <c r="L213" s="221" t="s">
        <v>363</v>
      </c>
      <c r="M213" s="184" t="s">
        <v>256</v>
      </c>
      <c r="N213" s="184"/>
      <c r="O213" s="221" t="s">
        <v>363</v>
      </c>
      <c r="P213" s="184" t="s">
        <v>257</v>
      </c>
      <c r="Q213" s="239"/>
      <c r="R213" s="221" t="s">
        <v>363</v>
      </c>
      <c r="S213" s="184" t="s">
        <v>273</v>
      </c>
      <c r="T213" s="239"/>
      <c r="U213" s="239"/>
      <c r="V213" s="239"/>
      <c r="W213" s="239"/>
      <c r="X213" s="209"/>
      <c r="Y213" s="140"/>
      <c r="Z213" s="138"/>
      <c r="AA213" s="138"/>
      <c r="AB213" s="141"/>
      <c r="AC213" s="354"/>
      <c r="AD213" s="354"/>
      <c r="AE213" s="354"/>
      <c r="AF213" s="354"/>
    </row>
    <row r="214" spans="1:32" ht="18.75" customHeight="1" x14ac:dyDescent="0.15">
      <c r="A214" s="230" t="s">
        <v>363</v>
      </c>
      <c r="B214" s="205">
        <v>26</v>
      </c>
      <c r="C214" s="163" t="s">
        <v>219</v>
      </c>
      <c r="D214" s="170"/>
      <c r="E214" s="150"/>
      <c r="F214" s="258"/>
      <c r="G214" s="150"/>
      <c r="H214" s="359" t="s">
        <v>224</v>
      </c>
      <c r="I214" s="373" t="s">
        <v>363</v>
      </c>
      <c r="J214" s="374" t="s">
        <v>250</v>
      </c>
      <c r="K214" s="374"/>
      <c r="L214" s="375" t="s">
        <v>363</v>
      </c>
      <c r="M214" s="374" t="s">
        <v>263</v>
      </c>
      <c r="N214" s="374"/>
      <c r="O214" s="238"/>
      <c r="P214" s="238"/>
      <c r="Q214" s="238"/>
      <c r="R214" s="238"/>
      <c r="S214" s="238"/>
      <c r="T214" s="238"/>
      <c r="U214" s="238"/>
      <c r="V214" s="238"/>
      <c r="W214" s="238"/>
      <c r="X214" s="199"/>
      <c r="Y214" s="140"/>
      <c r="Z214" s="138"/>
      <c r="AA214" s="138"/>
      <c r="AB214" s="141"/>
      <c r="AC214" s="354"/>
      <c r="AD214" s="354"/>
      <c r="AE214" s="354"/>
      <c r="AF214" s="354"/>
    </row>
    <row r="215" spans="1:32" s="161" customFormat="1" ht="18.75" customHeight="1" x14ac:dyDescent="0.15">
      <c r="A215" s="213"/>
      <c r="B215" s="205"/>
      <c r="C215" s="163"/>
      <c r="D215" s="170"/>
      <c r="E215" s="150"/>
      <c r="F215" s="258"/>
      <c r="G215" s="150"/>
      <c r="H215" s="360"/>
      <c r="I215" s="373"/>
      <c r="J215" s="374"/>
      <c r="K215" s="374"/>
      <c r="L215" s="375"/>
      <c r="M215" s="374"/>
      <c r="N215" s="374"/>
      <c r="O215" s="237"/>
      <c r="P215" s="237"/>
      <c r="Q215" s="237"/>
      <c r="R215" s="237"/>
      <c r="S215" s="237"/>
      <c r="T215" s="237"/>
      <c r="U215" s="237"/>
      <c r="V215" s="237"/>
      <c r="W215" s="237"/>
      <c r="X215" s="204"/>
      <c r="Y215" s="140"/>
      <c r="Z215" s="138"/>
      <c r="AA215" s="138"/>
      <c r="AB215" s="141"/>
      <c r="AC215" s="354"/>
      <c r="AD215" s="354"/>
      <c r="AE215" s="354"/>
      <c r="AF215" s="354"/>
    </row>
    <row r="216" spans="1:32" ht="18.75" customHeight="1" x14ac:dyDescent="0.15">
      <c r="A216" s="213"/>
      <c r="B216" s="205"/>
      <c r="C216" s="163"/>
      <c r="D216" s="170"/>
      <c r="E216" s="150"/>
      <c r="F216" s="258"/>
      <c r="G216" s="150"/>
      <c r="H216" s="206" t="s">
        <v>135</v>
      </c>
      <c r="I216" s="220" t="s">
        <v>363</v>
      </c>
      <c r="J216" s="184" t="s">
        <v>250</v>
      </c>
      <c r="K216" s="184"/>
      <c r="L216" s="221" t="s">
        <v>363</v>
      </c>
      <c r="M216" s="184" t="s">
        <v>256</v>
      </c>
      <c r="N216" s="184"/>
      <c r="O216" s="221" t="s">
        <v>363</v>
      </c>
      <c r="P216" s="184" t="s">
        <v>257</v>
      </c>
      <c r="Q216" s="239"/>
      <c r="R216" s="221" t="s">
        <v>363</v>
      </c>
      <c r="S216" s="184" t="s">
        <v>258</v>
      </c>
      <c r="T216" s="166"/>
      <c r="U216" s="166"/>
      <c r="V216" s="166"/>
      <c r="W216" s="166"/>
      <c r="X216" s="211"/>
      <c r="Y216" s="140"/>
      <c r="Z216" s="138"/>
      <c r="AA216" s="138"/>
      <c r="AB216" s="141"/>
      <c r="AC216" s="354"/>
      <c r="AD216" s="354"/>
      <c r="AE216" s="354"/>
      <c r="AF216" s="354"/>
    </row>
    <row r="217" spans="1:32" s="307" customFormat="1" ht="18.75" customHeight="1" x14ac:dyDescent="0.15">
      <c r="A217" s="213"/>
      <c r="B217" s="205"/>
      <c r="C217" s="163"/>
      <c r="D217" s="170"/>
      <c r="E217" s="150"/>
      <c r="F217" s="308"/>
      <c r="G217" s="150"/>
      <c r="H217" s="305" t="s">
        <v>467</v>
      </c>
      <c r="I217" s="302" t="s">
        <v>363</v>
      </c>
      <c r="J217" s="186" t="s">
        <v>464</v>
      </c>
      <c r="K217" s="186"/>
      <c r="L217" s="304" t="s">
        <v>363</v>
      </c>
      <c r="M217" s="186" t="s">
        <v>465</v>
      </c>
      <c r="N217" s="186"/>
      <c r="O217" s="304" t="s">
        <v>363</v>
      </c>
      <c r="P217" s="186" t="s">
        <v>466</v>
      </c>
      <c r="Q217" s="303"/>
      <c r="R217" s="304"/>
      <c r="S217" s="186"/>
      <c r="T217" s="176"/>
      <c r="U217" s="176"/>
      <c r="V217" s="176"/>
      <c r="W217" s="176"/>
      <c r="X217" s="177"/>
      <c r="Y217" s="140"/>
      <c r="Z217" s="138"/>
      <c r="AA217" s="138"/>
      <c r="AB217" s="141"/>
      <c r="AC217" s="355"/>
      <c r="AD217" s="355"/>
      <c r="AE217" s="355"/>
      <c r="AF217" s="355"/>
    </row>
    <row r="218" spans="1:32" ht="18.75" customHeight="1" x14ac:dyDescent="0.15">
      <c r="A218" s="213"/>
      <c r="B218" s="205"/>
      <c r="C218" s="163"/>
      <c r="D218" s="156"/>
      <c r="E218" s="152"/>
      <c r="F218" s="254"/>
      <c r="G218" s="152"/>
      <c r="H218" s="316" t="s">
        <v>468</v>
      </c>
      <c r="I218" s="309" t="s">
        <v>363</v>
      </c>
      <c r="J218" s="310" t="s">
        <v>250</v>
      </c>
      <c r="K218" s="310"/>
      <c r="L218" s="311" t="s">
        <v>363</v>
      </c>
      <c r="M218" s="310" t="s">
        <v>263</v>
      </c>
      <c r="N218" s="310"/>
      <c r="O218" s="310"/>
      <c r="P218" s="310"/>
      <c r="Q218" s="312"/>
      <c r="R218" s="312"/>
      <c r="S218" s="312"/>
      <c r="T218" s="312"/>
      <c r="U218" s="312"/>
      <c r="V218" s="312"/>
      <c r="W218" s="312"/>
      <c r="X218" s="313"/>
      <c r="Y218" s="195"/>
      <c r="Z218" s="196"/>
      <c r="AA218" s="196"/>
      <c r="AB218" s="197"/>
      <c r="AC218" s="356"/>
      <c r="AD218" s="356"/>
      <c r="AE218" s="356"/>
      <c r="AF218" s="356"/>
    </row>
    <row r="219" spans="1:32" ht="18.75" customHeight="1" x14ac:dyDescent="0.15">
      <c r="A219" s="213"/>
      <c r="B219" s="205"/>
      <c r="C219" s="163"/>
      <c r="D219" s="153"/>
      <c r="E219" s="175"/>
      <c r="F219" s="256"/>
      <c r="G219" s="175"/>
      <c r="H219" s="251" t="s">
        <v>109</v>
      </c>
      <c r="I219" s="223" t="s">
        <v>363</v>
      </c>
      <c r="J219" s="180" t="s">
        <v>250</v>
      </c>
      <c r="K219" s="180"/>
      <c r="L219" s="255"/>
      <c r="M219" s="225" t="s">
        <v>363</v>
      </c>
      <c r="N219" s="180" t="s">
        <v>274</v>
      </c>
      <c r="O219" s="180"/>
      <c r="P219" s="255"/>
      <c r="Q219" s="225" t="s">
        <v>363</v>
      </c>
      <c r="R219" s="169" t="s">
        <v>275</v>
      </c>
      <c r="S219" s="169"/>
      <c r="T219" s="169"/>
      <c r="U219" s="225" t="s">
        <v>363</v>
      </c>
      <c r="V219" s="169" t="s">
        <v>276</v>
      </c>
      <c r="W219" s="165"/>
      <c r="X219" s="210"/>
      <c r="Y219" s="214" t="s">
        <v>363</v>
      </c>
      <c r="Z219" s="109" t="s">
        <v>249</v>
      </c>
      <c r="AA219" s="109"/>
      <c r="AB219" s="194"/>
      <c r="AC219" s="352"/>
      <c r="AD219" s="352"/>
      <c r="AE219" s="352"/>
      <c r="AF219" s="352"/>
    </row>
    <row r="220" spans="1:32" ht="18.75" customHeight="1" x14ac:dyDescent="0.15">
      <c r="A220" s="213"/>
      <c r="B220" s="205"/>
      <c r="C220" s="163"/>
      <c r="D220" s="170"/>
      <c r="E220" s="150"/>
      <c r="F220" s="258"/>
      <c r="G220" s="150"/>
      <c r="H220" s="252" t="s">
        <v>112</v>
      </c>
      <c r="I220" s="220" t="s">
        <v>363</v>
      </c>
      <c r="J220" s="184" t="s">
        <v>261</v>
      </c>
      <c r="K220" s="182"/>
      <c r="L220" s="212"/>
      <c r="M220" s="221" t="s">
        <v>363</v>
      </c>
      <c r="N220" s="184" t="s">
        <v>262</v>
      </c>
      <c r="O220" s="166"/>
      <c r="P220" s="184"/>
      <c r="Q220" s="184"/>
      <c r="R220" s="184"/>
      <c r="S220" s="184"/>
      <c r="T220" s="184"/>
      <c r="U220" s="184"/>
      <c r="V220" s="184"/>
      <c r="W220" s="184"/>
      <c r="X220" s="185"/>
      <c r="Y220" s="214" t="s">
        <v>363</v>
      </c>
      <c r="Z220" s="143" t="s">
        <v>253</v>
      </c>
      <c r="AA220" s="138"/>
      <c r="AB220" s="141"/>
      <c r="AC220" s="354"/>
      <c r="AD220" s="354"/>
      <c r="AE220" s="354"/>
      <c r="AF220" s="354"/>
    </row>
    <row r="221" spans="1:32" ht="18.75" customHeight="1" x14ac:dyDescent="0.15">
      <c r="A221" s="213"/>
      <c r="B221" s="205"/>
      <c r="C221" s="163"/>
      <c r="D221" s="170"/>
      <c r="E221" s="150"/>
      <c r="F221" s="258"/>
      <c r="G221" s="150"/>
      <c r="H221" s="252" t="s">
        <v>110</v>
      </c>
      <c r="I221" s="220" t="s">
        <v>363</v>
      </c>
      <c r="J221" s="184" t="s">
        <v>261</v>
      </c>
      <c r="K221" s="182"/>
      <c r="L221" s="212"/>
      <c r="M221" s="221" t="s">
        <v>363</v>
      </c>
      <c r="N221" s="184" t="s">
        <v>262</v>
      </c>
      <c r="O221" s="166"/>
      <c r="P221" s="182"/>
      <c r="Q221" s="182"/>
      <c r="R221" s="182"/>
      <c r="S221" s="182"/>
      <c r="T221" s="182"/>
      <c r="U221" s="182"/>
      <c r="V221" s="182"/>
      <c r="W221" s="182"/>
      <c r="X221" s="183"/>
      <c r="Y221" s="140"/>
      <c r="Z221" s="138"/>
      <c r="AA221" s="138"/>
      <c r="AB221" s="141"/>
      <c r="AC221" s="354"/>
      <c r="AD221" s="354"/>
      <c r="AE221" s="354"/>
      <c r="AF221" s="354"/>
    </row>
    <row r="222" spans="1:32" ht="18.75" customHeight="1" x14ac:dyDescent="0.15">
      <c r="A222" s="213"/>
      <c r="B222" s="205"/>
      <c r="C222" s="163"/>
      <c r="D222" s="230" t="s">
        <v>363</v>
      </c>
      <c r="E222" s="150" t="s">
        <v>350</v>
      </c>
      <c r="F222" s="230" t="s">
        <v>363</v>
      </c>
      <c r="G222" s="150" t="s">
        <v>345</v>
      </c>
      <c r="H222" s="252" t="s">
        <v>126</v>
      </c>
      <c r="I222" s="220" t="s">
        <v>363</v>
      </c>
      <c r="J222" s="184" t="s">
        <v>250</v>
      </c>
      <c r="K222" s="182"/>
      <c r="L222" s="221" t="s">
        <v>363</v>
      </c>
      <c r="M222" s="184" t="s">
        <v>263</v>
      </c>
      <c r="N222" s="166"/>
      <c r="O222" s="166"/>
      <c r="P222" s="182"/>
      <c r="Q222" s="182"/>
      <c r="R222" s="182"/>
      <c r="S222" s="182"/>
      <c r="T222" s="182"/>
      <c r="U222" s="182"/>
      <c r="V222" s="182"/>
      <c r="W222" s="182"/>
      <c r="X222" s="183"/>
      <c r="Y222" s="140"/>
      <c r="Z222" s="138"/>
      <c r="AA222" s="138"/>
      <c r="AB222" s="141"/>
      <c r="AC222" s="354"/>
      <c r="AD222" s="354"/>
      <c r="AE222" s="354"/>
      <c r="AF222" s="354"/>
    </row>
    <row r="223" spans="1:32" ht="18.75" customHeight="1" x14ac:dyDescent="0.15">
      <c r="A223" s="213"/>
      <c r="B223" s="205"/>
      <c r="C223" s="163"/>
      <c r="D223" s="230" t="s">
        <v>363</v>
      </c>
      <c r="E223" s="150" t="s">
        <v>351</v>
      </c>
      <c r="F223" s="230" t="s">
        <v>363</v>
      </c>
      <c r="G223" s="150" t="s">
        <v>346</v>
      </c>
      <c r="H223" s="252" t="s">
        <v>116</v>
      </c>
      <c r="I223" s="220" t="s">
        <v>363</v>
      </c>
      <c r="J223" s="184" t="s">
        <v>344</v>
      </c>
      <c r="K223" s="166"/>
      <c r="L223" s="166"/>
      <c r="M223" s="166"/>
      <c r="N223" s="166"/>
      <c r="O223" s="166"/>
      <c r="P223" s="166"/>
      <c r="Q223" s="221" t="s">
        <v>363</v>
      </c>
      <c r="R223" s="184" t="s">
        <v>343</v>
      </c>
      <c r="S223" s="182"/>
      <c r="T223" s="182"/>
      <c r="U223" s="182"/>
      <c r="V223" s="182"/>
      <c r="W223" s="182"/>
      <c r="X223" s="183"/>
      <c r="Y223" s="140"/>
      <c r="Z223" s="138"/>
      <c r="AA223" s="138"/>
      <c r="AB223" s="141"/>
      <c r="AC223" s="354"/>
      <c r="AD223" s="354"/>
      <c r="AE223" s="354"/>
      <c r="AF223" s="354"/>
    </row>
    <row r="224" spans="1:32" ht="18.75" customHeight="1" x14ac:dyDescent="0.15">
      <c r="A224" s="213"/>
      <c r="B224" s="205"/>
      <c r="C224" s="163"/>
      <c r="D224" s="230" t="s">
        <v>363</v>
      </c>
      <c r="E224" s="150" t="s">
        <v>352</v>
      </c>
      <c r="F224" s="230" t="s">
        <v>363</v>
      </c>
      <c r="G224" s="150" t="s">
        <v>347</v>
      </c>
      <c r="H224" s="252" t="s">
        <v>131</v>
      </c>
      <c r="I224" s="220" t="s">
        <v>363</v>
      </c>
      <c r="J224" s="184" t="s">
        <v>250</v>
      </c>
      <c r="K224" s="184"/>
      <c r="L224" s="221" t="s">
        <v>363</v>
      </c>
      <c r="M224" s="184" t="s">
        <v>256</v>
      </c>
      <c r="N224" s="184"/>
      <c r="O224" s="221" t="s">
        <v>363</v>
      </c>
      <c r="P224" s="184" t="s">
        <v>257</v>
      </c>
      <c r="Q224" s="239"/>
      <c r="R224" s="221" t="s">
        <v>363</v>
      </c>
      <c r="S224" s="184" t="s">
        <v>273</v>
      </c>
      <c r="T224" s="239"/>
      <c r="U224" s="239"/>
      <c r="V224" s="239"/>
      <c r="W224" s="239"/>
      <c r="X224" s="209"/>
      <c r="Y224" s="140"/>
      <c r="Z224" s="138"/>
      <c r="AA224" s="138"/>
      <c r="AB224" s="141"/>
      <c r="AC224" s="354"/>
      <c r="AD224" s="354"/>
      <c r="AE224" s="354"/>
      <c r="AF224" s="354"/>
    </row>
    <row r="225" spans="1:32" ht="18.75" customHeight="1" x14ac:dyDescent="0.15">
      <c r="A225" s="213"/>
      <c r="B225" s="205"/>
      <c r="C225" s="163"/>
      <c r="D225" s="170"/>
      <c r="E225" s="150"/>
      <c r="F225" s="230" t="s">
        <v>363</v>
      </c>
      <c r="G225" s="150" t="s">
        <v>348</v>
      </c>
      <c r="H225" s="359" t="s">
        <v>224</v>
      </c>
      <c r="I225" s="373" t="s">
        <v>363</v>
      </c>
      <c r="J225" s="374" t="s">
        <v>250</v>
      </c>
      <c r="K225" s="374"/>
      <c r="L225" s="375" t="s">
        <v>363</v>
      </c>
      <c r="M225" s="374" t="s">
        <v>263</v>
      </c>
      <c r="N225" s="374"/>
      <c r="O225" s="238"/>
      <c r="P225" s="238"/>
      <c r="Q225" s="238"/>
      <c r="R225" s="238"/>
      <c r="S225" s="238"/>
      <c r="T225" s="238"/>
      <c r="U225" s="238"/>
      <c r="V225" s="238"/>
      <c r="W225" s="238"/>
      <c r="X225" s="199"/>
      <c r="Y225" s="140"/>
      <c r="Z225" s="138"/>
      <c r="AA225" s="138"/>
      <c r="AB225" s="141"/>
      <c r="AC225" s="354"/>
      <c r="AD225" s="354"/>
      <c r="AE225" s="354"/>
      <c r="AF225" s="354"/>
    </row>
    <row r="226" spans="1:32" s="161" customFormat="1" ht="18.75" customHeight="1" x14ac:dyDescent="0.15">
      <c r="A226" s="213"/>
      <c r="B226" s="205"/>
      <c r="C226" s="163"/>
      <c r="D226" s="170"/>
      <c r="E226" s="150"/>
      <c r="F226" s="230" t="s">
        <v>363</v>
      </c>
      <c r="G226" s="150" t="s">
        <v>349</v>
      </c>
      <c r="H226" s="360"/>
      <c r="I226" s="373"/>
      <c r="J226" s="374"/>
      <c r="K226" s="374"/>
      <c r="L226" s="375"/>
      <c r="M226" s="374"/>
      <c r="N226" s="374"/>
      <c r="O226" s="237"/>
      <c r="P226" s="237"/>
      <c r="Q226" s="237"/>
      <c r="R226" s="237"/>
      <c r="S226" s="237"/>
      <c r="T226" s="237"/>
      <c r="U226" s="237"/>
      <c r="V226" s="237"/>
      <c r="W226" s="237"/>
      <c r="X226" s="204"/>
      <c r="Y226" s="140"/>
      <c r="Z226" s="138"/>
      <c r="AA226" s="138"/>
      <c r="AB226" s="141"/>
      <c r="AC226" s="354"/>
      <c r="AD226" s="354"/>
      <c r="AE226" s="354"/>
      <c r="AF226" s="354"/>
    </row>
    <row r="227" spans="1:32" ht="18.75" customHeight="1" x14ac:dyDescent="0.15">
      <c r="A227" s="213"/>
      <c r="B227" s="205"/>
      <c r="C227" s="163"/>
      <c r="D227" s="170"/>
      <c r="E227" s="150"/>
      <c r="F227" s="258"/>
      <c r="G227" s="150"/>
      <c r="H227" s="206" t="s">
        <v>135</v>
      </c>
      <c r="I227" s="220" t="s">
        <v>363</v>
      </c>
      <c r="J227" s="184" t="s">
        <v>250</v>
      </c>
      <c r="K227" s="184"/>
      <c r="L227" s="221" t="s">
        <v>363</v>
      </c>
      <c r="M227" s="184" t="s">
        <v>256</v>
      </c>
      <c r="N227" s="184"/>
      <c r="O227" s="221" t="s">
        <v>363</v>
      </c>
      <c r="P227" s="184" t="s">
        <v>257</v>
      </c>
      <c r="Q227" s="239"/>
      <c r="R227" s="221" t="s">
        <v>363</v>
      </c>
      <c r="S227" s="184" t="s">
        <v>258</v>
      </c>
      <c r="T227" s="166"/>
      <c r="U227" s="166"/>
      <c r="V227" s="166"/>
      <c r="W227" s="166"/>
      <c r="X227" s="211"/>
      <c r="Y227" s="140"/>
      <c r="Z227" s="138"/>
      <c r="AA227" s="138"/>
      <c r="AB227" s="141"/>
      <c r="AC227" s="354"/>
      <c r="AD227" s="354"/>
      <c r="AE227" s="354"/>
      <c r="AF227" s="354"/>
    </row>
    <row r="228" spans="1:32" s="307" customFormat="1" ht="18.75" customHeight="1" x14ac:dyDescent="0.15">
      <c r="A228" s="213"/>
      <c r="B228" s="205"/>
      <c r="C228" s="163"/>
      <c r="D228" s="170"/>
      <c r="E228" s="150"/>
      <c r="F228" s="308"/>
      <c r="G228" s="150"/>
      <c r="H228" s="305" t="s">
        <v>467</v>
      </c>
      <c r="I228" s="302" t="s">
        <v>363</v>
      </c>
      <c r="J228" s="186" t="s">
        <v>464</v>
      </c>
      <c r="K228" s="186"/>
      <c r="L228" s="304" t="s">
        <v>363</v>
      </c>
      <c r="M228" s="186" t="s">
        <v>465</v>
      </c>
      <c r="N228" s="186"/>
      <c r="O228" s="304" t="s">
        <v>363</v>
      </c>
      <c r="P228" s="186" t="s">
        <v>466</v>
      </c>
      <c r="Q228" s="303"/>
      <c r="R228" s="304"/>
      <c r="S228" s="186"/>
      <c r="T228" s="176"/>
      <c r="U228" s="176"/>
      <c r="V228" s="176"/>
      <c r="W228" s="176"/>
      <c r="X228" s="177"/>
      <c r="Y228" s="140"/>
      <c r="Z228" s="138"/>
      <c r="AA228" s="138"/>
      <c r="AB228" s="141"/>
      <c r="AC228" s="355"/>
      <c r="AD228" s="355"/>
      <c r="AE228" s="355"/>
      <c r="AF228" s="355"/>
    </row>
    <row r="229" spans="1:32" ht="18.75" customHeight="1" x14ac:dyDescent="0.15">
      <c r="A229" s="215"/>
      <c r="B229" s="247"/>
      <c r="C229" s="164"/>
      <c r="D229" s="156"/>
      <c r="E229" s="152"/>
      <c r="F229" s="254"/>
      <c r="G229" s="152"/>
      <c r="H229" s="316" t="s">
        <v>468</v>
      </c>
      <c r="I229" s="309" t="s">
        <v>363</v>
      </c>
      <c r="J229" s="310" t="s">
        <v>250</v>
      </c>
      <c r="K229" s="310"/>
      <c r="L229" s="311" t="s">
        <v>363</v>
      </c>
      <c r="M229" s="310" t="s">
        <v>263</v>
      </c>
      <c r="N229" s="310"/>
      <c r="O229" s="310"/>
      <c r="P229" s="310"/>
      <c r="Q229" s="312"/>
      <c r="R229" s="312"/>
      <c r="S229" s="312"/>
      <c r="T229" s="312"/>
      <c r="U229" s="312"/>
      <c r="V229" s="312"/>
      <c r="W229" s="312"/>
      <c r="X229" s="313"/>
      <c r="Y229" s="195"/>
      <c r="Z229" s="196"/>
      <c r="AA229" s="196"/>
      <c r="AB229" s="197"/>
      <c r="AC229" s="356"/>
      <c r="AD229" s="356"/>
      <c r="AE229" s="356"/>
      <c r="AF229" s="356"/>
    </row>
    <row r="230" spans="1:32" ht="18.75" customHeight="1" x14ac:dyDescent="0.15">
      <c r="A230" s="108"/>
      <c r="B230" s="245"/>
      <c r="C230" s="162"/>
      <c r="D230" s="153"/>
      <c r="E230" s="110"/>
      <c r="F230" s="153"/>
      <c r="G230" s="175"/>
      <c r="H230" s="372" t="s">
        <v>199</v>
      </c>
      <c r="I230" s="228" t="s">
        <v>363</v>
      </c>
      <c r="J230" s="109" t="s">
        <v>282</v>
      </c>
      <c r="K230" s="181"/>
      <c r="L230" s="257"/>
      <c r="M230" s="229" t="s">
        <v>363</v>
      </c>
      <c r="N230" s="109" t="s">
        <v>306</v>
      </c>
      <c r="O230" s="154"/>
      <c r="P230" s="154"/>
      <c r="Q230" s="229" t="s">
        <v>363</v>
      </c>
      <c r="R230" s="109" t="s">
        <v>307</v>
      </c>
      <c r="S230" s="154"/>
      <c r="T230" s="154"/>
      <c r="U230" s="229" t="s">
        <v>363</v>
      </c>
      <c r="V230" s="109" t="s">
        <v>308</v>
      </c>
      <c r="W230" s="154"/>
      <c r="X230" s="155"/>
      <c r="Y230" s="228" t="s">
        <v>363</v>
      </c>
      <c r="Z230" s="109" t="s">
        <v>249</v>
      </c>
      <c r="AA230" s="109"/>
      <c r="AB230" s="194"/>
      <c r="AC230" s="352"/>
      <c r="AD230" s="352"/>
      <c r="AE230" s="352"/>
      <c r="AF230" s="352"/>
    </row>
    <row r="231" spans="1:32" s="161" customFormat="1" ht="18.75" customHeight="1" x14ac:dyDescent="0.15">
      <c r="A231" s="213"/>
      <c r="B231" s="205"/>
      <c r="C231" s="163"/>
      <c r="D231" s="170"/>
      <c r="E231" s="139"/>
      <c r="F231" s="170"/>
      <c r="G231" s="150"/>
      <c r="H231" s="358"/>
      <c r="I231" s="241" t="s">
        <v>363</v>
      </c>
      <c r="J231" s="188" t="s">
        <v>309</v>
      </c>
      <c r="K231" s="190"/>
      <c r="L231" s="203"/>
      <c r="M231" s="243" t="s">
        <v>363</v>
      </c>
      <c r="N231" s="188" t="s">
        <v>283</v>
      </c>
      <c r="O231" s="237"/>
      <c r="P231" s="237"/>
      <c r="Q231" s="237"/>
      <c r="R231" s="237"/>
      <c r="S231" s="237"/>
      <c r="T231" s="237"/>
      <c r="U231" s="237"/>
      <c r="V231" s="237"/>
      <c r="W231" s="237"/>
      <c r="X231" s="204"/>
      <c r="Y231" s="214" t="s">
        <v>363</v>
      </c>
      <c r="Z231" s="143" t="s">
        <v>253</v>
      </c>
      <c r="AA231" s="138"/>
      <c r="AB231" s="141"/>
      <c r="AC231" s="353"/>
      <c r="AD231" s="353"/>
      <c r="AE231" s="353"/>
      <c r="AF231" s="353"/>
    </row>
    <row r="232" spans="1:32" ht="18.75" customHeight="1" x14ac:dyDescent="0.15">
      <c r="A232" s="213"/>
      <c r="B232" s="205"/>
      <c r="C232" s="163"/>
      <c r="D232" s="170"/>
      <c r="E232" s="139"/>
      <c r="F232" s="170"/>
      <c r="G232" s="150"/>
      <c r="H232" s="357" t="s">
        <v>109</v>
      </c>
      <c r="I232" s="240" t="s">
        <v>363</v>
      </c>
      <c r="J232" s="186" t="s">
        <v>250</v>
      </c>
      <c r="K232" s="186"/>
      <c r="L232" s="200"/>
      <c r="M232" s="242" t="s">
        <v>363</v>
      </c>
      <c r="N232" s="186" t="s">
        <v>274</v>
      </c>
      <c r="O232" s="186"/>
      <c r="P232" s="200"/>
      <c r="Q232" s="242" t="s">
        <v>363</v>
      </c>
      <c r="R232" s="238" t="s">
        <v>356</v>
      </c>
      <c r="S232" s="238"/>
      <c r="T232" s="238"/>
      <c r="U232" s="176"/>
      <c r="V232" s="200"/>
      <c r="W232" s="238"/>
      <c r="X232" s="177"/>
      <c r="Y232" s="140"/>
      <c r="Z232" s="138"/>
      <c r="AA232" s="138"/>
      <c r="AB232" s="141"/>
      <c r="AC232" s="354"/>
      <c r="AD232" s="354"/>
      <c r="AE232" s="354"/>
      <c r="AF232" s="354"/>
    </row>
    <row r="233" spans="1:32" s="161" customFormat="1" ht="18.75" customHeight="1" x14ac:dyDescent="0.15">
      <c r="A233" s="213"/>
      <c r="B233" s="205"/>
      <c r="C233" s="163"/>
      <c r="D233" s="170"/>
      <c r="E233" s="139"/>
      <c r="F233" s="170"/>
      <c r="G233" s="150"/>
      <c r="H233" s="358"/>
      <c r="I233" s="241" t="s">
        <v>363</v>
      </c>
      <c r="J233" s="237" t="s">
        <v>357</v>
      </c>
      <c r="K233" s="237"/>
      <c r="L233" s="237"/>
      <c r="M233" s="243" t="s">
        <v>363</v>
      </c>
      <c r="N233" s="237" t="s">
        <v>358</v>
      </c>
      <c r="O233" s="203"/>
      <c r="P233" s="237"/>
      <c r="Q233" s="237"/>
      <c r="R233" s="203"/>
      <c r="S233" s="237"/>
      <c r="T233" s="237"/>
      <c r="U233" s="178"/>
      <c r="V233" s="203"/>
      <c r="W233" s="237"/>
      <c r="X233" s="179"/>
      <c r="Y233" s="140"/>
      <c r="Z233" s="138"/>
      <c r="AA233" s="138"/>
      <c r="AB233" s="141"/>
      <c r="AC233" s="354"/>
      <c r="AD233" s="354"/>
      <c r="AE233" s="354"/>
      <c r="AF233" s="354"/>
    </row>
    <row r="234" spans="1:32" ht="18.75" customHeight="1" x14ac:dyDescent="0.15">
      <c r="A234" s="213"/>
      <c r="B234" s="205"/>
      <c r="C234" s="163"/>
      <c r="D234" s="170"/>
      <c r="E234" s="139"/>
      <c r="F234" s="170"/>
      <c r="G234" s="150"/>
      <c r="H234" s="252" t="s">
        <v>183</v>
      </c>
      <c r="I234" s="220" t="s">
        <v>363</v>
      </c>
      <c r="J234" s="184" t="s">
        <v>282</v>
      </c>
      <c r="K234" s="182"/>
      <c r="L234" s="212"/>
      <c r="M234" s="221" t="s">
        <v>363</v>
      </c>
      <c r="N234" s="184" t="s">
        <v>310</v>
      </c>
      <c r="O234" s="166"/>
      <c r="P234" s="166"/>
      <c r="Q234" s="166"/>
      <c r="R234" s="166"/>
      <c r="S234" s="166"/>
      <c r="T234" s="166"/>
      <c r="U234" s="166"/>
      <c r="V234" s="166"/>
      <c r="W234" s="166"/>
      <c r="X234" s="211"/>
      <c r="Y234" s="140"/>
      <c r="Z234" s="138"/>
      <c r="AA234" s="138"/>
      <c r="AB234" s="141"/>
      <c r="AC234" s="354"/>
      <c r="AD234" s="354"/>
      <c r="AE234" s="354"/>
      <c r="AF234" s="354"/>
    </row>
    <row r="235" spans="1:32" ht="18.75" customHeight="1" x14ac:dyDescent="0.15">
      <c r="A235" s="213"/>
      <c r="B235" s="205"/>
      <c r="C235" s="163"/>
      <c r="D235" s="170"/>
      <c r="E235" s="139"/>
      <c r="F235" s="170"/>
      <c r="G235" s="150"/>
      <c r="H235" s="252" t="s">
        <v>184</v>
      </c>
      <c r="I235" s="220" t="s">
        <v>363</v>
      </c>
      <c r="J235" s="184" t="s">
        <v>282</v>
      </c>
      <c r="K235" s="182"/>
      <c r="L235" s="212"/>
      <c r="M235" s="221" t="s">
        <v>363</v>
      </c>
      <c r="N235" s="184" t="s">
        <v>310</v>
      </c>
      <c r="O235" s="166"/>
      <c r="P235" s="166"/>
      <c r="Q235" s="166"/>
      <c r="R235" s="166"/>
      <c r="S235" s="166"/>
      <c r="T235" s="166"/>
      <c r="U235" s="166"/>
      <c r="V235" s="166"/>
      <c r="W235" s="166"/>
      <c r="X235" s="211"/>
      <c r="Y235" s="140"/>
      <c r="Z235" s="138"/>
      <c r="AA235" s="138"/>
      <c r="AB235" s="141"/>
      <c r="AC235" s="354"/>
      <c r="AD235" s="354"/>
      <c r="AE235" s="354"/>
      <c r="AF235" s="354"/>
    </row>
    <row r="236" spans="1:32" ht="18.75" customHeight="1" x14ac:dyDescent="0.15">
      <c r="A236" s="213"/>
      <c r="B236" s="205"/>
      <c r="C236" s="163"/>
      <c r="D236" s="170"/>
      <c r="E236" s="139"/>
      <c r="F236" s="170"/>
      <c r="G236" s="150"/>
      <c r="H236" s="252" t="s">
        <v>133</v>
      </c>
      <c r="I236" s="220" t="s">
        <v>363</v>
      </c>
      <c r="J236" s="184" t="s">
        <v>250</v>
      </c>
      <c r="K236" s="182"/>
      <c r="L236" s="221" t="s">
        <v>363</v>
      </c>
      <c r="M236" s="184" t="s">
        <v>263</v>
      </c>
      <c r="N236" s="166"/>
      <c r="O236" s="166"/>
      <c r="P236" s="166"/>
      <c r="Q236" s="182"/>
      <c r="R236" s="166"/>
      <c r="S236" s="166"/>
      <c r="T236" s="166"/>
      <c r="U236" s="166"/>
      <c r="V236" s="166"/>
      <c r="W236" s="166"/>
      <c r="X236" s="211"/>
      <c r="Y236" s="140"/>
      <c r="Z236" s="138"/>
      <c r="AA236" s="138"/>
      <c r="AB236" s="141"/>
      <c r="AC236" s="354"/>
      <c r="AD236" s="354"/>
      <c r="AE236" s="354"/>
      <c r="AF236" s="354"/>
    </row>
    <row r="237" spans="1:32" ht="18.75" customHeight="1" x14ac:dyDescent="0.15">
      <c r="A237" s="213"/>
      <c r="B237" s="205"/>
      <c r="C237" s="163"/>
      <c r="D237" s="170"/>
      <c r="E237" s="139"/>
      <c r="F237" s="170"/>
      <c r="G237" s="150"/>
      <c r="H237" s="252" t="s">
        <v>110</v>
      </c>
      <c r="I237" s="220" t="s">
        <v>363</v>
      </c>
      <c r="J237" s="184" t="s">
        <v>261</v>
      </c>
      <c r="K237" s="182"/>
      <c r="L237" s="212"/>
      <c r="M237" s="221" t="s">
        <v>363</v>
      </c>
      <c r="N237" s="184" t="s">
        <v>262</v>
      </c>
      <c r="O237" s="166"/>
      <c r="P237" s="166"/>
      <c r="Q237" s="182"/>
      <c r="R237" s="166"/>
      <c r="S237" s="166"/>
      <c r="T237" s="166"/>
      <c r="U237" s="166"/>
      <c r="V237" s="166"/>
      <c r="W237" s="166"/>
      <c r="X237" s="211"/>
      <c r="Y237" s="140"/>
      <c r="Z237" s="138"/>
      <c r="AA237" s="138"/>
      <c r="AB237" s="141"/>
      <c r="AC237" s="354"/>
      <c r="AD237" s="354"/>
      <c r="AE237" s="354"/>
      <c r="AF237" s="354"/>
    </row>
    <row r="238" spans="1:32" ht="18.75" customHeight="1" x14ac:dyDescent="0.15">
      <c r="A238" s="213"/>
      <c r="B238" s="205"/>
      <c r="C238" s="163"/>
      <c r="D238" s="170"/>
      <c r="E238" s="139"/>
      <c r="F238" s="230" t="s">
        <v>363</v>
      </c>
      <c r="G238" s="150" t="s">
        <v>376</v>
      </c>
      <c r="H238" s="252" t="s">
        <v>126</v>
      </c>
      <c r="I238" s="220" t="s">
        <v>363</v>
      </c>
      <c r="J238" s="184" t="s">
        <v>250</v>
      </c>
      <c r="K238" s="182"/>
      <c r="L238" s="221" t="s">
        <v>363</v>
      </c>
      <c r="M238" s="184" t="s">
        <v>263</v>
      </c>
      <c r="N238" s="166"/>
      <c r="O238" s="166"/>
      <c r="P238" s="166"/>
      <c r="Q238" s="182"/>
      <c r="R238" s="166"/>
      <c r="S238" s="166"/>
      <c r="T238" s="166"/>
      <c r="U238" s="166"/>
      <c r="V238" s="166"/>
      <c r="W238" s="166"/>
      <c r="X238" s="211"/>
      <c r="Y238" s="140"/>
      <c r="Z238" s="138"/>
      <c r="AA238" s="138"/>
      <c r="AB238" s="141"/>
      <c r="AC238" s="354"/>
      <c r="AD238" s="354"/>
      <c r="AE238" s="354"/>
      <c r="AF238" s="354"/>
    </row>
    <row r="239" spans="1:32" ht="18.75" customHeight="1" x14ac:dyDescent="0.15">
      <c r="A239" s="213"/>
      <c r="B239" s="205"/>
      <c r="C239" s="163"/>
      <c r="D239" s="230" t="s">
        <v>363</v>
      </c>
      <c r="E239" s="139" t="s">
        <v>214</v>
      </c>
      <c r="F239" s="230" t="s">
        <v>363</v>
      </c>
      <c r="G239" s="150" t="s">
        <v>354</v>
      </c>
      <c r="H239" s="252" t="s">
        <v>129</v>
      </c>
      <c r="I239" s="220" t="s">
        <v>363</v>
      </c>
      <c r="J239" s="184" t="s">
        <v>250</v>
      </c>
      <c r="K239" s="184"/>
      <c r="L239" s="221" t="s">
        <v>363</v>
      </c>
      <c r="M239" s="184" t="s">
        <v>251</v>
      </c>
      <c r="N239" s="184"/>
      <c r="O239" s="221" t="s">
        <v>363</v>
      </c>
      <c r="P239" s="184" t="s">
        <v>252</v>
      </c>
      <c r="Q239" s="166"/>
      <c r="R239" s="166"/>
      <c r="S239" s="166"/>
      <c r="T239" s="166"/>
      <c r="U239" s="166"/>
      <c r="V239" s="166"/>
      <c r="W239" s="166"/>
      <c r="X239" s="211"/>
      <c r="Y239" s="140"/>
      <c r="Z239" s="138"/>
      <c r="AA239" s="138"/>
      <c r="AB239" s="141"/>
      <c r="AC239" s="354"/>
      <c r="AD239" s="354"/>
      <c r="AE239" s="354"/>
      <c r="AF239" s="354"/>
    </row>
    <row r="240" spans="1:32" ht="18.75" customHeight="1" x14ac:dyDescent="0.15">
      <c r="A240" s="213"/>
      <c r="B240" s="205"/>
      <c r="C240" s="163"/>
      <c r="D240" s="170"/>
      <c r="E240" s="139"/>
      <c r="F240" s="230" t="s">
        <v>363</v>
      </c>
      <c r="G240" s="150" t="s">
        <v>355</v>
      </c>
      <c r="H240" s="357" t="s">
        <v>180</v>
      </c>
      <c r="I240" s="240" t="s">
        <v>363</v>
      </c>
      <c r="J240" s="186" t="s">
        <v>298</v>
      </c>
      <c r="K240" s="186"/>
      <c r="L240" s="176"/>
      <c r="M240" s="176"/>
      <c r="N240" s="176"/>
      <c r="O240" s="176"/>
      <c r="P240" s="242" t="s">
        <v>363</v>
      </c>
      <c r="Q240" s="186" t="s">
        <v>299</v>
      </c>
      <c r="R240" s="176"/>
      <c r="S240" s="176"/>
      <c r="T240" s="176"/>
      <c r="U240" s="176"/>
      <c r="V240" s="176"/>
      <c r="W240" s="176"/>
      <c r="X240" s="177"/>
      <c r="Y240" s="140"/>
      <c r="Z240" s="138"/>
      <c r="AA240" s="138"/>
      <c r="AB240" s="141"/>
      <c r="AC240" s="354"/>
      <c r="AD240" s="354"/>
      <c r="AE240" s="354"/>
      <c r="AF240" s="354"/>
    </row>
    <row r="241" spans="1:32" s="161" customFormat="1" ht="18.75" customHeight="1" x14ac:dyDescent="0.15">
      <c r="A241" s="213"/>
      <c r="B241" s="205"/>
      <c r="C241" s="163"/>
      <c r="D241" s="170"/>
      <c r="E241" s="139"/>
      <c r="F241" s="170"/>
      <c r="G241" s="150"/>
      <c r="H241" s="358"/>
      <c r="I241" s="241" t="s">
        <v>363</v>
      </c>
      <c r="J241" s="188" t="s">
        <v>312</v>
      </c>
      <c r="K241" s="178"/>
      <c r="L241" s="178"/>
      <c r="M241" s="178"/>
      <c r="N241" s="178"/>
      <c r="O241" s="178"/>
      <c r="P241" s="178"/>
      <c r="Q241" s="237"/>
      <c r="R241" s="178"/>
      <c r="S241" s="178"/>
      <c r="T241" s="178"/>
      <c r="U241" s="178"/>
      <c r="V241" s="178"/>
      <c r="W241" s="178"/>
      <c r="X241" s="179"/>
      <c r="Y241" s="140"/>
      <c r="Z241" s="138"/>
      <c r="AA241" s="138"/>
      <c r="AB241" s="141"/>
      <c r="AC241" s="354"/>
      <c r="AD241" s="354"/>
      <c r="AE241" s="354"/>
      <c r="AF241" s="354"/>
    </row>
    <row r="242" spans="1:32" ht="18.75" customHeight="1" x14ac:dyDescent="0.15">
      <c r="A242" s="213"/>
      <c r="B242" s="205"/>
      <c r="C242" s="163"/>
      <c r="D242" s="170"/>
      <c r="E242" s="139"/>
      <c r="F242" s="170"/>
      <c r="G242" s="150"/>
      <c r="H242" s="357" t="s">
        <v>116</v>
      </c>
      <c r="I242" s="240" t="s">
        <v>363</v>
      </c>
      <c r="J242" s="186" t="s">
        <v>313</v>
      </c>
      <c r="K242" s="192"/>
      <c r="L242" s="200"/>
      <c r="M242" s="242" t="s">
        <v>363</v>
      </c>
      <c r="N242" s="186" t="s">
        <v>314</v>
      </c>
      <c r="O242" s="176"/>
      <c r="P242" s="176"/>
      <c r="Q242" s="242" t="s">
        <v>363</v>
      </c>
      <c r="R242" s="186" t="s">
        <v>315</v>
      </c>
      <c r="S242" s="176"/>
      <c r="T242" s="176"/>
      <c r="U242" s="176"/>
      <c r="V242" s="176"/>
      <c r="W242" s="176"/>
      <c r="X242" s="177"/>
      <c r="Y242" s="140"/>
      <c r="Z242" s="138"/>
      <c r="AA242" s="138"/>
      <c r="AB242" s="141"/>
      <c r="AC242" s="354"/>
      <c r="AD242" s="354"/>
      <c r="AE242" s="354"/>
      <c r="AF242" s="354"/>
    </row>
    <row r="243" spans="1:32" s="161" customFormat="1" ht="18.75" customHeight="1" x14ac:dyDescent="0.15">
      <c r="A243" s="213"/>
      <c r="B243" s="205"/>
      <c r="C243" s="163"/>
      <c r="D243" s="170"/>
      <c r="E243" s="139"/>
      <c r="F243" s="170"/>
      <c r="G243" s="150"/>
      <c r="H243" s="358"/>
      <c r="I243" s="241" t="s">
        <v>363</v>
      </c>
      <c r="J243" s="188" t="s">
        <v>316</v>
      </c>
      <c r="K243" s="178"/>
      <c r="L243" s="178"/>
      <c r="M243" s="178"/>
      <c r="N243" s="178"/>
      <c r="O243" s="178"/>
      <c r="P243" s="178"/>
      <c r="Q243" s="243" t="s">
        <v>363</v>
      </c>
      <c r="R243" s="188" t="s">
        <v>317</v>
      </c>
      <c r="S243" s="237"/>
      <c r="T243" s="178"/>
      <c r="U243" s="178"/>
      <c r="V243" s="178"/>
      <c r="W243" s="178"/>
      <c r="X243" s="179"/>
      <c r="Y243" s="140"/>
      <c r="Z243" s="138"/>
      <c r="AA243" s="138"/>
      <c r="AB243" s="141"/>
      <c r="AC243" s="354"/>
      <c r="AD243" s="354"/>
      <c r="AE243" s="354"/>
      <c r="AF243" s="354"/>
    </row>
    <row r="244" spans="1:32" ht="18.75" customHeight="1" x14ac:dyDescent="0.15">
      <c r="A244" s="213"/>
      <c r="B244" s="205"/>
      <c r="C244" s="163"/>
      <c r="D244" s="170"/>
      <c r="E244" s="139"/>
      <c r="F244" s="170"/>
      <c r="G244" s="150"/>
      <c r="H244" s="252" t="s">
        <v>131</v>
      </c>
      <c r="I244" s="220" t="s">
        <v>363</v>
      </c>
      <c r="J244" s="184" t="s">
        <v>250</v>
      </c>
      <c r="K244" s="184"/>
      <c r="L244" s="221" t="s">
        <v>363</v>
      </c>
      <c r="M244" s="184" t="s">
        <v>256</v>
      </c>
      <c r="N244" s="184"/>
      <c r="O244" s="221" t="s">
        <v>363</v>
      </c>
      <c r="P244" s="184" t="s">
        <v>257</v>
      </c>
      <c r="Q244" s="239"/>
      <c r="R244" s="221" t="s">
        <v>363</v>
      </c>
      <c r="S244" s="184" t="s">
        <v>273</v>
      </c>
      <c r="T244" s="239"/>
      <c r="U244" s="239"/>
      <c r="V244" s="239"/>
      <c r="W244" s="239"/>
      <c r="X244" s="209"/>
      <c r="Y244" s="140"/>
      <c r="Z244" s="138"/>
      <c r="AA244" s="138"/>
      <c r="AB244" s="141"/>
      <c r="AC244" s="354"/>
      <c r="AD244" s="354"/>
      <c r="AE244" s="354"/>
      <c r="AF244" s="354"/>
    </row>
    <row r="245" spans="1:32" ht="18.75" customHeight="1" x14ac:dyDescent="0.15">
      <c r="A245" s="213"/>
      <c r="B245" s="205"/>
      <c r="C245" s="163"/>
      <c r="D245" s="170"/>
      <c r="E245" s="139"/>
      <c r="F245" s="170"/>
      <c r="G245" s="150"/>
      <c r="H245" s="359" t="s">
        <v>224</v>
      </c>
      <c r="I245" s="373" t="s">
        <v>363</v>
      </c>
      <c r="J245" s="374" t="s">
        <v>250</v>
      </c>
      <c r="K245" s="374"/>
      <c r="L245" s="375" t="s">
        <v>363</v>
      </c>
      <c r="M245" s="374" t="s">
        <v>263</v>
      </c>
      <c r="N245" s="374"/>
      <c r="O245" s="238"/>
      <c r="P245" s="238"/>
      <c r="Q245" s="238"/>
      <c r="R245" s="238"/>
      <c r="S245" s="238"/>
      <c r="T245" s="238"/>
      <c r="U245" s="238"/>
      <c r="V245" s="238"/>
      <c r="W245" s="238"/>
      <c r="X245" s="199"/>
      <c r="Y245" s="140"/>
      <c r="Z245" s="138"/>
      <c r="AA245" s="138"/>
      <c r="AB245" s="141"/>
      <c r="AC245" s="354"/>
      <c r="AD245" s="354"/>
      <c r="AE245" s="354"/>
      <c r="AF245" s="354"/>
    </row>
    <row r="246" spans="1:32" s="161" customFormat="1" ht="18.75" customHeight="1" x14ac:dyDescent="0.15">
      <c r="A246" s="213"/>
      <c r="B246" s="205"/>
      <c r="C246" s="163"/>
      <c r="D246" s="170"/>
      <c r="E246" s="139"/>
      <c r="F246" s="170"/>
      <c r="G246" s="150"/>
      <c r="H246" s="360"/>
      <c r="I246" s="373"/>
      <c r="J246" s="374"/>
      <c r="K246" s="374"/>
      <c r="L246" s="375"/>
      <c r="M246" s="374"/>
      <c r="N246" s="374"/>
      <c r="O246" s="237"/>
      <c r="P246" s="237"/>
      <c r="Q246" s="237"/>
      <c r="R246" s="237"/>
      <c r="S246" s="237"/>
      <c r="T246" s="237"/>
      <c r="U246" s="237"/>
      <c r="V246" s="237"/>
      <c r="W246" s="237"/>
      <c r="X246" s="204"/>
      <c r="Y246" s="140"/>
      <c r="Z246" s="138"/>
      <c r="AA246" s="138"/>
      <c r="AB246" s="141"/>
      <c r="AC246" s="354"/>
      <c r="AD246" s="354"/>
      <c r="AE246" s="354"/>
      <c r="AF246" s="354"/>
    </row>
    <row r="247" spans="1:32" ht="18.75" customHeight="1" x14ac:dyDescent="0.15">
      <c r="A247" s="213"/>
      <c r="B247" s="205"/>
      <c r="C247" s="163"/>
      <c r="D247" s="170"/>
      <c r="E247" s="139"/>
      <c r="F247" s="170"/>
      <c r="G247" s="150"/>
      <c r="H247" s="206" t="s">
        <v>135</v>
      </c>
      <c r="I247" s="220" t="s">
        <v>363</v>
      </c>
      <c r="J247" s="184" t="s">
        <v>250</v>
      </c>
      <c r="K247" s="184"/>
      <c r="L247" s="221" t="s">
        <v>363</v>
      </c>
      <c r="M247" s="184" t="s">
        <v>256</v>
      </c>
      <c r="N247" s="184"/>
      <c r="O247" s="221" t="s">
        <v>363</v>
      </c>
      <c r="P247" s="184" t="s">
        <v>257</v>
      </c>
      <c r="Q247" s="239"/>
      <c r="R247" s="221" t="s">
        <v>363</v>
      </c>
      <c r="S247" s="184" t="s">
        <v>258</v>
      </c>
      <c r="T247" s="166"/>
      <c r="U247" s="166"/>
      <c r="V247" s="166"/>
      <c r="W247" s="166"/>
      <c r="X247" s="211"/>
      <c r="Y247" s="140"/>
      <c r="Z247" s="138"/>
      <c r="AA247" s="138"/>
      <c r="AB247" s="141"/>
      <c r="AC247" s="354"/>
      <c r="AD247" s="354"/>
      <c r="AE247" s="354"/>
      <c r="AF247" s="354"/>
    </row>
    <row r="248" spans="1:32" s="307" customFormat="1" ht="18.75" customHeight="1" x14ac:dyDescent="0.15">
      <c r="A248" s="213"/>
      <c r="B248" s="205"/>
      <c r="C248" s="163"/>
      <c r="D248" s="170"/>
      <c r="E248" s="139"/>
      <c r="F248" s="170"/>
      <c r="G248" s="150"/>
      <c r="H248" s="305" t="s">
        <v>467</v>
      </c>
      <c r="I248" s="302" t="s">
        <v>363</v>
      </c>
      <c r="J248" s="186" t="s">
        <v>464</v>
      </c>
      <c r="K248" s="186"/>
      <c r="L248" s="304" t="s">
        <v>363</v>
      </c>
      <c r="M248" s="186" t="s">
        <v>465</v>
      </c>
      <c r="N248" s="186"/>
      <c r="O248" s="304" t="s">
        <v>363</v>
      </c>
      <c r="P248" s="186" t="s">
        <v>466</v>
      </c>
      <c r="Q248" s="303"/>
      <c r="R248" s="304"/>
      <c r="S248" s="186"/>
      <c r="T248" s="176"/>
      <c r="U248" s="176"/>
      <c r="V248" s="176"/>
      <c r="W248" s="176"/>
      <c r="X248" s="177"/>
      <c r="Y248" s="140"/>
      <c r="Z248" s="138"/>
      <c r="AA248" s="138"/>
      <c r="AB248" s="141"/>
      <c r="AC248" s="355"/>
      <c r="AD248" s="355"/>
      <c r="AE248" s="355"/>
      <c r="AF248" s="355"/>
    </row>
    <row r="249" spans="1:32" ht="18.75" customHeight="1" x14ac:dyDescent="0.15">
      <c r="A249" s="230" t="s">
        <v>363</v>
      </c>
      <c r="B249" s="205" t="s">
        <v>375</v>
      </c>
      <c r="C249" s="163" t="s">
        <v>85</v>
      </c>
      <c r="D249" s="156"/>
      <c r="E249" s="198"/>
      <c r="F249" s="156"/>
      <c r="G249" s="152"/>
      <c r="H249" s="316" t="s">
        <v>468</v>
      </c>
      <c r="I249" s="309" t="s">
        <v>363</v>
      </c>
      <c r="J249" s="310" t="s">
        <v>250</v>
      </c>
      <c r="K249" s="310"/>
      <c r="L249" s="311" t="s">
        <v>363</v>
      </c>
      <c r="M249" s="310" t="s">
        <v>263</v>
      </c>
      <c r="N249" s="310"/>
      <c r="O249" s="311"/>
      <c r="P249" s="310"/>
      <c r="Q249" s="312"/>
      <c r="R249" s="312"/>
      <c r="S249" s="312"/>
      <c r="T249" s="312"/>
      <c r="U249" s="312"/>
      <c r="V249" s="312"/>
      <c r="W249" s="312"/>
      <c r="X249" s="313"/>
      <c r="Y249" s="195"/>
      <c r="Z249" s="196"/>
      <c r="AA249" s="196"/>
      <c r="AB249" s="197"/>
      <c r="AC249" s="356"/>
      <c r="AD249" s="356"/>
      <c r="AE249" s="356"/>
      <c r="AF249" s="356"/>
    </row>
    <row r="250" spans="1:32" ht="18.75" customHeight="1" x14ac:dyDescent="0.15">
      <c r="A250" s="213"/>
      <c r="B250" s="205"/>
      <c r="C250" s="163"/>
      <c r="D250" s="153"/>
      <c r="E250" s="110"/>
      <c r="F250" s="153"/>
      <c r="G250" s="175"/>
      <c r="H250" s="372" t="s">
        <v>111</v>
      </c>
      <c r="I250" s="228" t="s">
        <v>363</v>
      </c>
      <c r="J250" s="109" t="s">
        <v>282</v>
      </c>
      <c r="K250" s="181"/>
      <c r="L250" s="257"/>
      <c r="M250" s="229" t="s">
        <v>363</v>
      </c>
      <c r="N250" s="109" t="s">
        <v>306</v>
      </c>
      <c r="O250" s="154"/>
      <c r="P250" s="154"/>
      <c r="Q250" s="229" t="s">
        <v>363</v>
      </c>
      <c r="R250" s="109" t="s">
        <v>307</v>
      </c>
      <c r="S250" s="154"/>
      <c r="T250" s="154"/>
      <c r="U250" s="229" t="s">
        <v>363</v>
      </c>
      <c r="V250" s="109" t="s">
        <v>308</v>
      </c>
      <c r="W250" s="154"/>
      <c r="X250" s="155"/>
      <c r="Y250" s="214" t="s">
        <v>363</v>
      </c>
      <c r="Z250" s="109" t="s">
        <v>249</v>
      </c>
      <c r="AA250" s="109"/>
      <c r="AB250" s="194"/>
      <c r="AC250" s="352"/>
      <c r="AD250" s="352"/>
      <c r="AE250" s="352"/>
      <c r="AF250" s="352"/>
    </row>
    <row r="251" spans="1:32" s="161" customFormat="1" ht="18.75" customHeight="1" x14ac:dyDescent="0.15">
      <c r="A251" s="213"/>
      <c r="B251" s="205"/>
      <c r="C251" s="163"/>
      <c r="D251" s="170"/>
      <c r="E251" s="139"/>
      <c r="F251" s="170"/>
      <c r="G251" s="150"/>
      <c r="H251" s="358"/>
      <c r="I251" s="241" t="s">
        <v>363</v>
      </c>
      <c r="J251" s="188" t="s">
        <v>309</v>
      </c>
      <c r="K251" s="190"/>
      <c r="L251" s="203"/>
      <c r="M251" s="243" t="s">
        <v>363</v>
      </c>
      <c r="N251" s="188" t="s">
        <v>283</v>
      </c>
      <c r="O251" s="237"/>
      <c r="P251" s="237"/>
      <c r="Q251" s="237"/>
      <c r="R251" s="237"/>
      <c r="S251" s="237"/>
      <c r="T251" s="237"/>
      <c r="U251" s="237"/>
      <c r="V251" s="237"/>
      <c r="W251" s="237"/>
      <c r="X251" s="204"/>
      <c r="Y251" s="214" t="s">
        <v>363</v>
      </c>
      <c r="Z251" s="143" t="s">
        <v>253</v>
      </c>
      <c r="AA251" s="138"/>
      <c r="AB251" s="141"/>
      <c r="AC251" s="353"/>
      <c r="AD251" s="353"/>
      <c r="AE251" s="353"/>
      <c r="AF251" s="353"/>
    </row>
    <row r="252" spans="1:32" ht="18.75" customHeight="1" x14ac:dyDescent="0.15">
      <c r="A252" s="213"/>
      <c r="B252" s="205"/>
      <c r="C252" s="163"/>
      <c r="D252" s="170"/>
      <c r="E252" s="139"/>
      <c r="F252" s="170"/>
      <c r="G252" s="150"/>
      <c r="H252" s="357" t="s">
        <v>109</v>
      </c>
      <c r="I252" s="240" t="s">
        <v>363</v>
      </c>
      <c r="J252" s="186" t="s">
        <v>250</v>
      </c>
      <c r="K252" s="186"/>
      <c r="L252" s="200"/>
      <c r="M252" s="242" t="s">
        <v>363</v>
      </c>
      <c r="N252" s="186" t="s">
        <v>274</v>
      </c>
      <c r="O252" s="186"/>
      <c r="P252" s="200"/>
      <c r="Q252" s="242" t="s">
        <v>363</v>
      </c>
      <c r="R252" s="238" t="s">
        <v>356</v>
      </c>
      <c r="S252" s="238"/>
      <c r="T252" s="238"/>
      <c r="U252" s="176"/>
      <c r="V252" s="200"/>
      <c r="W252" s="238"/>
      <c r="X252" s="177"/>
      <c r="Y252" s="140"/>
      <c r="Z252" s="138"/>
      <c r="AA252" s="138"/>
      <c r="AB252" s="141"/>
      <c r="AC252" s="354"/>
      <c r="AD252" s="354"/>
      <c r="AE252" s="354"/>
      <c r="AF252" s="354"/>
    </row>
    <row r="253" spans="1:32" s="161" customFormat="1" ht="18.75" customHeight="1" x14ac:dyDescent="0.15">
      <c r="A253" s="213"/>
      <c r="B253" s="205"/>
      <c r="C253" s="163"/>
      <c r="D253" s="170"/>
      <c r="E253" s="139"/>
      <c r="F253" s="170"/>
      <c r="G253" s="150"/>
      <c r="H253" s="358"/>
      <c r="I253" s="241" t="s">
        <v>363</v>
      </c>
      <c r="J253" s="237" t="s">
        <v>357</v>
      </c>
      <c r="K253" s="237"/>
      <c r="L253" s="237"/>
      <c r="M253" s="243" t="s">
        <v>363</v>
      </c>
      <c r="N253" s="237" t="s">
        <v>358</v>
      </c>
      <c r="O253" s="203"/>
      <c r="P253" s="237"/>
      <c r="Q253" s="237"/>
      <c r="R253" s="203"/>
      <c r="S253" s="237"/>
      <c r="T253" s="237"/>
      <c r="U253" s="178"/>
      <c r="V253" s="203"/>
      <c r="W253" s="237"/>
      <c r="X253" s="179"/>
      <c r="Y253" s="140"/>
      <c r="Z253" s="138"/>
      <c r="AA253" s="138"/>
      <c r="AB253" s="141"/>
      <c r="AC253" s="354"/>
      <c r="AD253" s="354"/>
      <c r="AE253" s="354"/>
      <c r="AF253" s="354"/>
    </row>
    <row r="254" spans="1:32" ht="18.75" customHeight="1" x14ac:dyDescent="0.15">
      <c r="A254" s="213"/>
      <c r="B254" s="205"/>
      <c r="C254" s="163"/>
      <c r="D254" s="170"/>
      <c r="E254" s="139"/>
      <c r="F254" s="170"/>
      <c r="G254" s="150"/>
      <c r="H254" s="252" t="s">
        <v>183</v>
      </c>
      <c r="I254" s="220" t="s">
        <v>363</v>
      </c>
      <c r="J254" s="184" t="s">
        <v>282</v>
      </c>
      <c r="K254" s="182"/>
      <c r="L254" s="212"/>
      <c r="M254" s="221" t="s">
        <v>363</v>
      </c>
      <c r="N254" s="184" t="s">
        <v>310</v>
      </c>
      <c r="O254" s="166"/>
      <c r="P254" s="166"/>
      <c r="Q254" s="166"/>
      <c r="R254" s="166"/>
      <c r="S254" s="166"/>
      <c r="T254" s="166"/>
      <c r="U254" s="166"/>
      <c r="V254" s="166"/>
      <c r="W254" s="166"/>
      <c r="X254" s="211"/>
      <c r="Y254" s="140"/>
      <c r="Z254" s="138"/>
      <c r="AA254" s="138"/>
      <c r="AB254" s="141"/>
      <c r="AC254" s="354"/>
      <c r="AD254" s="354"/>
      <c r="AE254" s="354"/>
      <c r="AF254" s="354"/>
    </row>
    <row r="255" spans="1:32" ht="18.75" customHeight="1" x14ac:dyDescent="0.15">
      <c r="A255" s="213"/>
      <c r="B255" s="205"/>
      <c r="C255" s="163"/>
      <c r="D255" s="170"/>
      <c r="E255" s="139"/>
      <c r="F255" s="170"/>
      <c r="G255" s="150"/>
      <c r="H255" s="252" t="s">
        <v>184</v>
      </c>
      <c r="I255" s="220" t="s">
        <v>363</v>
      </c>
      <c r="J255" s="184" t="s">
        <v>282</v>
      </c>
      <c r="K255" s="182"/>
      <c r="L255" s="212"/>
      <c r="M255" s="221" t="s">
        <v>363</v>
      </c>
      <c r="N255" s="184" t="s">
        <v>310</v>
      </c>
      <c r="O255" s="166"/>
      <c r="P255" s="166"/>
      <c r="Q255" s="166"/>
      <c r="R255" s="166"/>
      <c r="S255" s="166"/>
      <c r="T255" s="166"/>
      <c r="U255" s="166"/>
      <c r="V255" s="166"/>
      <c r="W255" s="166"/>
      <c r="X255" s="211"/>
      <c r="Y255" s="140"/>
      <c r="Z255" s="138"/>
      <c r="AA255" s="138"/>
      <c r="AB255" s="141"/>
      <c r="AC255" s="354"/>
      <c r="AD255" s="354"/>
      <c r="AE255" s="354"/>
      <c r="AF255" s="354"/>
    </row>
    <row r="256" spans="1:32" ht="18.75" customHeight="1" x14ac:dyDescent="0.15">
      <c r="A256" s="213"/>
      <c r="B256" s="205"/>
      <c r="C256" s="163"/>
      <c r="D256" s="170"/>
      <c r="E256" s="139"/>
      <c r="F256" s="170"/>
      <c r="G256" s="150"/>
      <c r="H256" s="252" t="s">
        <v>133</v>
      </c>
      <c r="I256" s="220" t="s">
        <v>363</v>
      </c>
      <c r="J256" s="184" t="s">
        <v>250</v>
      </c>
      <c r="K256" s="182"/>
      <c r="L256" s="221" t="s">
        <v>363</v>
      </c>
      <c r="M256" s="184" t="s">
        <v>263</v>
      </c>
      <c r="N256" s="166"/>
      <c r="O256" s="166"/>
      <c r="P256" s="166"/>
      <c r="Q256" s="166"/>
      <c r="R256" s="166"/>
      <c r="S256" s="166"/>
      <c r="T256" s="166"/>
      <c r="U256" s="166"/>
      <c r="V256" s="166"/>
      <c r="W256" s="166"/>
      <c r="X256" s="211"/>
      <c r="Y256" s="140"/>
      <c r="Z256" s="138"/>
      <c r="AA256" s="138"/>
      <c r="AB256" s="141"/>
      <c r="AC256" s="354"/>
      <c r="AD256" s="354"/>
      <c r="AE256" s="354"/>
      <c r="AF256" s="354"/>
    </row>
    <row r="257" spans="1:32" ht="18.75" customHeight="1" x14ac:dyDescent="0.15">
      <c r="A257" s="213"/>
      <c r="B257" s="205"/>
      <c r="C257" s="163"/>
      <c r="D257" s="170"/>
      <c r="E257" s="139"/>
      <c r="F257" s="170"/>
      <c r="G257" s="150"/>
      <c r="H257" s="252" t="s">
        <v>110</v>
      </c>
      <c r="I257" s="220" t="s">
        <v>363</v>
      </c>
      <c r="J257" s="184" t="s">
        <v>261</v>
      </c>
      <c r="K257" s="182"/>
      <c r="L257" s="212"/>
      <c r="M257" s="221" t="s">
        <v>363</v>
      </c>
      <c r="N257" s="184" t="s">
        <v>262</v>
      </c>
      <c r="O257" s="166"/>
      <c r="P257" s="166"/>
      <c r="Q257" s="166"/>
      <c r="R257" s="166"/>
      <c r="S257" s="166"/>
      <c r="T257" s="166"/>
      <c r="U257" s="166"/>
      <c r="V257" s="166"/>
      <c r="W257" s="166"/>
      <c r="X257" s="211"/>
      <c r="Y257" s="140"/>
      <c r="Z257" s="138"/>
      <c r="AA257" s="138"/>
      <c r="AB257" s="141"/>
      <c r="AC257" s="354"/>
      <c r="AD257" s="354"/>
      <c r="AE257" s="354"/>
      <c r="AF257" s="354"/>
    </row>
    <row r="258" spans="1:32" ht="18.75" customHeight="1" x14ac:dyDescent="0.15">
      <c r="A258" s="213"/>
      <c r="B258" s="205"/>
      <c r="C258" s="163"/>
      <c r="D258" s="170"/>
      <c r="E258" s="139"/>
      <c r="F258" s="230" t="s">
        <v>363</v>
      </c>
      <c r="G258" s="150" t="s">
        <v>377</v>
      </c>
      <c r="H258" s="252" t="s">
        <v>126</v>
      </c>
      <c r="I258" s="220" t="s">
        <v>363</v>
      </c>
      <c r="J258" s="184" t="s">
        <v>250</v>
      </c>
      <c r="K258" s="182"/>
      <c r="L258" s="221" t="s">
        <v>363</v>
      </c>
      <c r="M258" s="184" t="s">
        <v>263</v>
      </c>
      <c r="N258" s="166"/>
      <c r="O258" s="166"/>
      <c r="P258" s="166"/>
      <c r="Q258" s="166"/>
      <c r="R258" s="166"/>
      <c r="S258" s="166"/>
      <c r="T258" s="166"/>
      <c r="U258" s="166"/>
      <c r="V258" s="166"/>
      <c r="W258" s="166"/>
      <c r="X258" s="211"/>
      <c r="Y258" s="140"/>
      <c r="Z258" s="138"/>
      <c r="AA258" s="138"/>
      <c r="AB258" s="141"/>
      <c r="AC258" s="354"/>
      <c r="AD258" s="354"/>
      <c r="AE258" s="354"/>
      <c r="AF258" s="354"/>
    </row>
    <row r="259" spans="1:32" ht="18.75" customHeight="1" x14ac:dyDescent="0.15">
      <c r="A259" s="213"/>
      <c r="B259" s="205"/>
      <c r="C259" s="163"/>
      <c r="D259" s="230" t="s">
        <v>363</v>
      </c>
      <c r="E259" s="139" t="s">
        <v>211</v>
      </c>
      <c r="F259" s="230" t="s">
        <v>363</v>
      </c>
      <c r="G259" s="150" t="s">
        <v>359</v>
      </c>
      <c r="H259" s="252" t="s">
        <v>129</v>
      </c>
      <c r="I259" s="220" t="s">
        <v>363</v>
      </c>
      <c r="J259" s="184" t="s">
        <v>250</v>
      </c>
      <c r="K259" s="184"/>
      <c r="L259" s="221" t="s">
        <v>363</v>
      </c>
      <c r="M259" s="184" t="s">
        <v>251</v>
      </c>
      <c r="N259" s="184"/>
      <c r="O259" s="221" t="s">
        <v>363</v>
      </c>
      <c r="P259" s="184" t="s">
        <v>252</v>
      </c>
      <c r="Q259" s="166"/>
      <c r="R259" s="166"/>
      <c r="S259" s="166"/>
      <c r="T259" s="166"/>
      <c r="U259" s="166"/>
      <c r="V259" s="166"/>
      <c r="W259" s="166"/>
      <c r="X259" s="211"/>
      <c r="Y259" s="140"/>
      <c r="Z259" s="138"/>
      <c r="AA259" s="138"/>
      <c r="AB259" s="141"/>
      <c r="AC259" s="354"/>
      <c r="AD259" s="354"/>
      <c r="AE259" s="354"/>
      <c r="AF259" s="354"/>
    </row>
    <row r="260" spans="1:32" ht="18.75" customHeight="1" x14ac:dyDescent="0.15">
      <c r="A260" s="213"/>
      <c r="B260" s="205"/>
      <c r="C260" s="163"/>
      <c r="D260" s="170"/>
      <c r="E260" s="139"/>
      <c r="F260" s="230" t="s">
        <v>363</v>
      </c>
      <c r="G260" s="150" t="s">
        <v>360</v>
      </c>
      <c r="H260" s="357" t="s">
        <v>180</v>
      </c>
      <c r="I260" s="240" t="s">
        <v>363</v>
      </c>
      <c r="J260" s="186" t="s">
        <v>298</v>
      </c>
      <c r="K260" s="186"/>
      <c r="L260" s="176"/>
      <c r="M260" s="176"/>
      <c r="N260" s="176"/>
      <c r="O260" s="176"/>
      <c r="P260" s="242" t="s">
        <v>363</v>
      </c>
      <c r="Q260" s="186" t="s">
        <v>299</v>
      </c>
      <c r="R260" s="176"/>
      <c r="S260" s="176"/>
      <c r="T260" s="176"/>
      <c r="U260" s="176"/>
      <c r="V260" s="176"/>
      <c r="W260" s="176"/>
      <c r="X260" s="177"/>
      <c r="Y260" s="140"/>
      <c r="Z260" s="138"/>
      <c r="AA260" s="138"/>
      <c r="AB260" s="141"/>
      <c r="AC260" s="354"/>
      <c r="AD260" s="354"/>
      <c r="AE260" s="354"/>
      <c r="AF260" s="354"/>
    </row>
    <row r="261" spans="1:32" s="161" customFormat="1" ht="18.75" customHeight="1" x14ac:dyDescent="0.15">
      <c r="A261" s="213"/>
      <c r="B261" s="205"/>
      <c r="C261" s="163"/>
      <c r="D261" s="170"/>
      <c r="E261" s="139"/>
      <c r="F261" s="170"/>
      <c r="G261" s="150"/>
      <c r="H261" s="358"/>
      <c r="I261" s="241" t="s">
        <v>363</v>
      </c>
      <c r="J261" s="188" t="s">
        <v>312</v>
      </c>
      <c r="K261" s="178"/>
      <c r="L261" s="178"/>
      <c r="M261" s="178"/>
      <c r="N261" s="178"/>
      <c r="O261" s="178"/>
      <c r="P261" s="178"/>
      <c r="Q261" s="237"/>
      <c r="R261" s="178"/>
      <c r="S261" s="178"/>
      <c r="T261" s="178"/>
      <c r="U261" s="178"/>
      <c r="V261" s="178"/>
      <c r="W261" s="178"/>
      <c r="X261" s="179"/>
      <c r="Y261" s="140"/>
      <c r="Z261" s="138"/>
      <c r="AA261" s="138"/>
      <c r="AB261" s="141"/>
      <c r="AC261" s="354"/>
      <c r="AD261" s="354"/>
      <c r="AE261" s="354"/>
      <c r="AF261" s="354"/>
    </row>
    <row r="262" spans="1:32" s="161" customFormat="1" ht="18.75" customHeight="1" x14ac:dyDescent="0.15">
      <c r="A262" s="213"/>
      <c r="B262" s="205"/>
      <c r="C262" s="163"/>
      <c r="D262" s="170"/>
      <c r="E262" s="139"/>
      <c r="F262" s="170"/>
      <c r="G262" s="150"/>
      <c r="H262" s="357" t="s">
        <v>116</v>
      </c>
      <c r="I262" s="240" t="s">
        <v>363</v>
      </c>
      <c r="J262" s="186" t="s">
        <v>313</v>
      </c>
      <c r="K262" s="192"/>
      <c r="L262" s="200"/>
      <c r="M262" s="242" t="s">
        <v>363</v>
      </c>
      <c r="N262" s="186" t="s">
        <v>314</v>
      </c>
      <c r="O262" s="176"/>
      <c r="P262" s="176"/>
      <c r="Q262" s="242" t="s">
        <v>363</v>
      </c>
      <c r="R262" s="186" t="s">
        <v>315</v>
      </c>
      <c r="S262" s="176"/>
      <c r="T262" s="176"/>
      <c r="U262" s="176"/>
      <c r="V262" s="176"/>
      <c r="W262" s="176"/>
      <c r="X262" s="177"/>
      <c r="Y262" s="140"/>
      <c r="Z262" s="138"/>
      <c r="AA262" s="138"/>
      <c r="AB262" s="141"/>
      <c r="AC262" s="354"/>
      <c r="AD262" s="354"/>
      <c r="AE262" s="354"/>
      <c r="AF262" s="354"/>
    </row>
    <row r="263" spans="1:32" ht="18.75" customHeight="1" x14ac:dyDescent="0.15">
      <c r="A263" s="213"/>
      <c r="B263" s="205"/>
      <c r="C263" s="163"/>
      <c r="D263" s="170"/>
      <c r="E263" s="139"/>
      <c r="F263" s="170"/>
      <c r="G263" s="150"/>
      <c r="H263" s="358"/>
      <c r="I263" s="241" t="s">
        <v>363</v>
      </c>
      <c r="J263" s="188" t="s">
        <v>316</v>
      </c>
      <c r="K263" s="178"/>
      <c r="L263" s="178"/>
      <c r="M263" s="178"/>
      <c r="N263" s="178"/>
      <c r="O263" s="178"/>
      <c r="P263" s="178"/>
      <c r="Q263" s="243" t="s">
        <v>363</v>
      </c>
      <c r="R263" s="188" t="s">
        <v>317</v>
      </c>
      <c r="S263" s="237"/>
      <c r="T263" s="178"/>
      <c r="U263" s="178"/>
      <c r="V263" s="178"/>
      <c r="W263" s="178"/>
      <c r="X263" s="179"/>
      <c r="Y263" s="140"/>
      <c r="Z263" s="138"/>
      <c r="AA263" s="138"/>
      <c r="AB263" s="141"/>
      <c r="AC263" s="354"/>
      <c r="AD263" s="354"/>
      <c r="AE263" s="354"/>
      <c r="AF263" s="354"/>
    </row>
    <row r="264" spans="1:32" ht="18.75" customHeight="1" x14ac:dyDescent="0.15">
      <c r="A264" s="213"/>
      <c r="B264" s="205"/>
      <c r="C264" s="163"/>
      <c r="D264" s="170"/>
      <c r="E264" s="139"/>
      <c r="F264" s="170"/>
      <c r="G264" s="150"/>
      <c r="H264" s="252" t="s">
        <v>131</v>
      </c>
      <c r="I264" s="220" t="s">
        <v>363</v>
      </c>
      <c r="J264" s="184" t="s">
        <v>250</v>
      </c>
      <c r="K264" s="184"/>
      <c r="L264" s="221" t="s">
        <v>363</v>
      </c>
      <c r="M264" s="184" t="s">
        <v>256</v>
      </c>
      <c r="N264" s="184"/>
      <c r="O264" s="221" t="s">
        <v>363</v>
      </c>
      <c r="P264" s="184" t="s">
        <v>257</v>
      </c>
      <c r="Q264" s="239"/>
      <c r="R264" s="221" t="s">
        <v>363</v>
      </c>
      <c r="S264" s="184" t="s">
        <v>273</v>
      </c>
      <c r="T264" s="239"/>
      <c r="U264" s="239"/>
      <c r="V264" s="239"/>
      <c r="W264" s="239"/>
      <c r="X264" s="209"/>
      <c r="Y264" s="140"/>
      <c r="Z264" s="138"/>
      <c r="AA264" s="138"/>
      <c r="AB264" s="141"/>
      <c r="AC264" s="354"/>
      <c r="AD264" s="354"/>
      <c r="AE264" s="354"/>
      <c r="AF264" s="354"/>
    </row>
    <row r="265" spans="1:32" ht="18.75" customHeight="1" x14ac:dyDescent="0.15">
      <c r="A265" s="213"/>
      <c r="B265" s="205"/>
      <c r="C265" s="163"/>
      <c r="D265" s="170"/>
      <c r="E265" s="139"/>
      <c r="F265" s="170"/>
      <c r="G265" s="150"/>
      <c r="H265" s="359" t="s">
        <v>224</v>
      </c>
      <c r="I265" s="373" t="s">
        <v>363</v>
      </c>
      <c r="J265" s="374" t="s">
        <v>250</v>
      </c>
      <c r="K265" s="374"/>
      <c r="L265" s="375" t="s">
        <v>363</v>
      </c>
      <c r="M265" s="374" t="s">
        <v>263</v>
      </c>
      <c r="N265" s="374"/>
      <c r="O265" s="238"/>
      <c r="P265" s="238"/>
      <c r="Q265" s="238"/>
      <c r="R265" s="238"/>
      <c r="S265" s="238"/>
      <c r="T265" s="238"/>
      <c r="U265" s="238"/>
      <c r="V265" s="238"/>
      <c r="W265" s="238"/>
      <c r="X265" s="199"/>
      <c r="Y265" s="140"/>
      <c r="Z265" s="138"/>
      <c r="AA265" s="138"/>
      <c r="AB265" s="141"/>
      <c r="AC265" s="354"/>
      <c r="AD265" s="354"/>
      <c r="AE265" s="354"/>
      <c r="AF265" s="354"/>
    </row>
    <row r="266" spans="1:32" s="161" customFormat="1" ht="18.75" customHeight="1" x14ac:dyDescent="0.15">
      <c r="A266" s="213"/>
      <c r="B266" s="205"/>
      <c r="C266" s="163"/>
      <c r="D266" s="170"/>
      <c r="E266" s="139"/>
      <c r="F266" s="170"/>
      <c r="G266" s="150"/>
      <c r="H266" s="360"/>
      <c r="I266" s="373"/>
      <c r="J266" s="374"/>
      <c r="K266" s="374"/>
      <c r="L266" s="375"/>
      <c r="M266" s="374"/>
      <c r="N266" s="374"/>
      <c r="O266" s="237"/>
      <c r="P266" s="237"/>
      <c r="Q266" s="237"/>
      <c r="R266" s="237"/>
      <c r="S266" s="237"/>
      <c r="T266" s="237"/>
      <c r="U266" s="237"/>
      <c r="V266" s="237"/>
      <c r="W266" s="237"/>
      <c r="X266" s="204"/>
      <c r="Y266" s="140"/>
      <c r="Z266" s="138"/>
      <c r="AA266" s="138"/>
      <c r="AB266" s="141"/>
      <c r="AC266" s="354"/>
      <c r="AD266" s="354"/>
      <c r="AE266" s="354"/>
      <c r="AF266" s="354"/>
    </row>
    <row r="267" spans="1:32" ht="18.75" customHeight="1" x14ac:dyDescent="0.15">
      <c r="A267" s="213"/>
      <c r="B267" s="205"/>
      <c r="C267" s="163"/>
      <c r="D267" s="170"/>
      <c r="E267" s="139"/>
      <c r="F267" s="170"/>
      <c r="G267" s="150"/>
      <c r="H267" s="206" t="s">
        <v>135</v>
      </c>
      <c r="I267" s="220" t="s">
        <v>363</v>
      </c>
      <c r="J267" s="184" t="s">
        <v>250</v>
      </c>
      <c r="K267" s="184"/>
      <c r="L267" s="221" t="s">
        <v>363</v>
      </c>
      <c r="M267" s="184" t="s">
        <v>256</v>
      </c>
      <c r="N267" s="184"/>
      <c r="O267" s="221" t="s">
        <v>363</v>
      </c>
      <c r="P267" s="184" t="s">
        <v>257</v>
      </c>
      <c r="Q267" s="239"/>
      <c r="R267" s="221" t="s">
        <v>363</v>
      </c>
      <c r="S267" s="184" t="s">
        <v>258</v>
      </c>
      <c r="T267" s="166"/>
      <c r="U267" s="166"/>
      <c r="V267" s="166"/>
      <c r="W267" s="166"/>
      <c r="X267" s="211"/>
      <c r="Y267" s="140"/>
      <c r="Z267" s="138"/>
      <c r="AA267" s="138"/>
      <c r="AB267" s="141"/>
      <c r="AC267" s="354"/>
      <c r="AD267" s="354"/>
      <c r="AE267" s="354"/>
      <c r="AF267" s="354"/>
    </row>
    <row r="268" spans="1:32" s="307" customFormat="1" ht="18.75" customHeight="1" x14ac:dyDescent="0.15">
      <c r="A268" s="213"/>
      <c r="B268" s="205"/>
      <c r="C268" s="163"/>
      <c r="D268" s="170"/>
      <c r="E268" s="139"/>
      <c r="F268" s="170"/>
      <c r="G268" s="150"/>
      <c r="H268" s="305" t="s">
        <v>467</v>
      </c>
      <c r="I268" s="302" t="s">
        <v>363</v>
      </c>
      <c r="J268" s="186" t="s">
        <v>464</v>
      </c>
      <c r="K268" s="186"/>
      <c r="L268" s="304" t="s">
        <v>363</v>
      </c>
      <c r="M268" s="186" t="s">
        <v>465</v>
      </c>
      <c r="N268" s="186"/>
      <c r="O268" s="304" t="s">
        <v>363</v>
      </c>
      <c r="P268" s="186" t="s">
        <v>466</v>
      </c>
      <c r="Q268" s="303"/>
      <c r="R268" s="304"/>
      <c r="S268" s="186"/>
      <c r="T268" s="176"/>
      <c r="U268" s="176"/>
      <c r="V268" s="176"/>
      <c r="W268" s="176"/>
      <c r="X268" s="177"/>
      <c r="Y268" s="140"/>
      <c r="Z268" s="138"/>
      <c r="AA268" s="138"/>
      <c r="AB268" s="141"/>
      <c r="AC268" s="355"/>
      <c r="AD268" s="355"/>
      <c r="AE268" s="355"/>
      <c r="AF268" s="355"/>
    </row>
    <row r="269" spans="1:32" ht="18.75" customHeight="1" x14ac:dyDescent="0.15">
      <c r="A269" s="215"/>
      <c r="B269" s="247"/>
      <c r="C269" s="164"/>
      <c r="D269" s="156"/>
      <c r="E269" s="198"/>
      <c r="F269" s="156"/>
      <c r="G269" s="152"/>
      <c r="H269" s="316" t="s">
        <v>468</v>
      </c>
      <c r="I269" s="309" t="s">
        <v>363</v>
      </c>
      <c r="J269" s="310" t="s">
        <v>250</v>
      </c>
      <c r="K269" s="310"/>
      <c r="L269" s="311" t="s">
        <v>363</v>
      </c>
      <c r="M269" s="310" t="s">
        <v>263</v>
      </c>
      <c r="N269" s="310"/>
      <c r="O269" s="310"/>
      <c r="P269" s="310"/>
      <c r="Q269" s="312"/>
      <c r="R269" s="312"/>
      <c r="S269" s="312"/>
      <c r="T269" s="312"/>
      <c r="U269" s="312"/>
      <c r="V269" s="312"/>
      <c r="W269" s="312"/>
      <c r="X269" s="313"/>
      <c r="Y269" s="195"/>
      <c r="Z269" s="196"/>
      <c r="AA269" s="196"/>
      <c r="AB269" s="197"/>
      <c r="AC269" s="356"/>
      <c r="AD269" s="356"/>
      <c r="AE269" s="356"/>
      <c r="AF269" s="356"/>
    </row>
    <row r="270" spans="1:32" ht="18.75" customHeight="1" x14ac:dyDescent="0.15">
      <c r="A270" s="108"/>
      <c r="B270" s="245"/>
      <c r="C270" s="162"/>
      <c r="D270" s="153"/>
      <c r="E270" s="110"/>
      <c r="F270" s="153"/>
      <c r="G270" s="175"/>
      <c r="H270" s="372" t="s">
        <v>111</v>
      </c>
      <c r="I270" s="228" t="s">
        <v>363</v>
      </c>
      <c r="J270" s="109" t="s">
        <v>282</v>
      </c>
      <c r="K270" s="181"/>
      <c r="L270" s="257"/>
      <c r="M270" s="229" t="s">
        <v>363</v>
      </c>
      <c r="N270" s="109" t="s">
        <v>306</v>
      </c>
      <c r="O270" s="154"/>
      <c r="P270" s="154"/>
      <c r="Q270" s="229" t="s">
        <v>363</v>
      </c>
      <c r="R270" s="109" t="s">
        <v>307</v>
      </c>
      <c r="S270" s="154"/>
      <c r="T270" s="154"/>
      <c r="U270" s="229" t="s">
        <v>363</v>
      </c>
      <c r="V270" s="109" t="s">
        <v>308</v>
      </c>
      <c r="W270" s="154"/>
      <c r="X270" s="155"/>
      <c r="Y270" s="228" t="s">
        <v>363</v>
      </c>
      <c r="Z270" s="109" t="s">
        <v>249</v>
      </c>
      <c r="AA270" s="109"/>
      <c r="AB270" s="194"/>
      <c r="AC270" s="352"/>
      <c r="AD270" s="352"/>
      <c r="AE270" s="352"/>
      <c r="AF270" s="352"/>
    </row>
    <row r="271" spans="1:32" s="161" customFormat="1" ht="18.75" customHeight="1" x14ac:dyDescent="0.15">
      <c r="A271" s="213"/>
      <c r="B271" s="205"/>
      <c r="C271" s="163"/>
      <c r="D271" s="170"/>
      <c r="E271" s="139"/>
      <c r="F271" s="170"/>
      <c r="G271" s="150"/>
      <c r="H271" s="358"/>
      <c r="I271" s="241" t="s">
        <v>363</v>
      </c>
      <c r="J271" s="188" t="s">
        <v>309</v>
      </c>
      <c r="K271" s="190"/>
      <c r="L271" s="203"/>
      <c r="M271" s="243" t="s">
        <v>363</v>
      </c>
      <c r="N271" s="188" t="s">
        <v>283</v>
      </c>
      <c r="O271" s="237"/>
      <c r="P271" s="237"/>
      <c r="Q271" s="237"/>
      <c r="R271" s="237"/>
      <c r="S271" s="237"/>
      <c r="T271" s="237"/>
      <c r="U271" s="237"/>
      <c r="V271" s="237"/>
      <c r="W271" s="237"/>
      <c r="X271" s="204"/>
      <c r="Y271" s="214" t="s">
        <v>363</v>
      </c>
      <c r="Z271" s="143" t="s">
        <v>253</v>
      </c>
      <c r="AA271" s="138"/>
      <c r="AB271" s="141"/>
      <c r="AC271" s="353"/>
      <c r="AD271" s="353"/>
      <c r="AE271" s="353"/>
      <c r="AF271" s="353"/>
    </row>
    <row r="272" spans="1:32" ht="18.75" customHeight="1" x14ac:dyDescent="0.15">
      <c r="A272" s="213"/>
      <c r="B272" s="205"/>
      <c r="C272" s="163"/>
      <c r="D272" s="170"/>
      <c r="E272" s="139"/>
      <c r="F272" s="170"/>
      <c r="G272" s="150"/>
      <c r="H272" s="357" t="s">
        <v>109</v>
      </c>
      <c r="I272" s="240" t="s">
        <v>363</v>
      </c>
      <c r="J272" s="186" t="s">
        <v>250</v>
      </c>
      <c r="K272" s="186"/>
      <c r="L272" s="200"/>
      <c r="M272" s="242" t="s">
        <v>363</v>
      </c>
      <c r="N272" s="186" t="s">
        <v>274</v>
      </c>
      <c r="O272" s="186"/>
      <c r="P272" s="200"/>
      <c r="Q272" s="242" t="s">
        <v>363</v>
      </c>
      <c r="R272" s="238" t="s">
        <v>356</v>
      </c>
      <c r="S272" s="238"/>
      <c r="T272" s="238"/>
      <c r="U272" s="176"/>
      <c r="V272" s="200"/>
      <c r="W272" s="238"/>
      <c r="X272" s="177"/>
      <c r="Y272" s="140"/>
      <c r="Z272" s="138"/>
      <c r="AA272" s="138"/>
      <c r="AB272" s="141"/>
      <c r="AC272" s="354"/>
      <c r="AD272" s="354"/>
      <c r="AE272" s="354"/>
      <c r="AF272" s="354"/>
    </row>
    <row r="273" spans="1:32" s="161" customFormat="1" ht="18.75" customHeight="1" x14ac:dyDescent="0.15">
      <c r="A273" s="213"/>
      <c r="B273" s="205"/>
      <c r="C273" s="163"/>
      <c r="D273" s="170"/>
      <c r="E273" s="139"/>
      <c r="F273" s="170"/>
      <c r="G273" s="150"/>
      <c r="H273" s="358"/>
      <c r="I273" s="241" t="s">
        <v>363</v>
      </c>
      <c r="J273" s="237" t="s">
        <v>357</v>
      </c>
      <c r="K273" s="237"/>
      <c r="L273" s="237"/>
      <c r="M273" s="243" t="s">
        <v>363</v>
      </c>
      <c r="N273" s="237" t="s">
        <v>358</v>
      </c>
      <c r="O273" s="203"/>
      <c r="P273" s="237"/>
      <c r="Q273" s="237"/>
      <c r="R273" s="203"/>
      <c r="S273" s="237"/>
      <c r="T273" s="237"/>
      <c r="U273" s="178"/>
      <c r="V273" s="203"/>
      <c r="W273" s="237"/>
      <c r="X273" s="179"/>
      <c r="Y273" s="140"/>
      <c r="Z273" s="138"/>
      <c r="AA273" s="138"/>
      <c r="AB273" s="141"/>
      <c r="AC273" s="354"/>
      <c r="AD273" s="354"/>
      <c r="AE273" s="354"/>
      <c r="AF273" s="354"/>
    </row>
    <row r="274" spans="1:32" ht="18.75" customHeight="1" x14ac:dyDescent="0.15">
      <c r="A274" s="213"/>
      <c r="B274" s="205"/>
      <c r="C274" s="163"/>
      <c r="D274" s="170"/>
      <c r="E274" s="139"/>
      <c r="F274" s="170"/>
      <c r="G274" s="150"/>
      <c r="H274" s="252" t="s">
        <v>183</v>
      </c>
      <c r="I274" s="220" t="s">
        <v>363</v>
      </c>
      <c r="J274" s="184" t="s">
        <v>282</v>
      </c>
      <c r="K274" s="182"/>
      <c r="L274" s="212"/>
      <c r="M274" s="221" t="s">
        <v>363</v>
      </c>
      <c r="N274" s="184" t="s">
        <v>310</v>
      </c>
      <c r="O274" s="166"/>
      <c r="P274" s="166"/>
      <c r="Q274" s="166"/>
      <c r="R274" s="166"/>
      <c r="S274" s="166"/>
      <c r="T274" s="166"/>
      <c r="U274" s="166"/>
      <c r="V274" s="166"/>
      <c r="W274" s="166"/>
      <c r="X274" s="211"/>
      <c r="Y274" s="140"/>
      <c r="Z274" s="138"/>
      <c r="AA274" s="138"/>
      <c r="AB274" s="141"/>
      <c r="AC274" s="354"/>
      <c r="AD274" s="354"/>
      <c r="AE274" s="354"/>
      <c r="AF274" s="354"/>
    </row>
    <row r="275" spans="1:32" ht="18.75" customHeight="1" x14ac:dyDescent="0.15">
      <c r="A275" s="213"/>
      <c r="B275" s="205"/>
      <c r="C275" s="163"/>
      <c r="D275" s="170"/>
      <c r="E275" s="139"/>
      <c r="F275" s="170"/>
      <c r="G275" s="150"/>
      <c r="H275" s="252" t="s">
        <v>184</v>
      </c>
      <c r="I275" s="220" t="s">
        <v>363</v>
      </c>
      <c r="J275" s="184" t="s">
        <v>282</v>
      </c>
      <c r="K275" s="182"/>
      <c r="L275" s="212"/>
      <c r="M275" s="221" t="s">
        <v>363</v>
      </c>
      <c r="N275" s="184" t="s">
        <v>310</v>
      </c>
      <c r="O275" s="166"/>
      <c r="P275" s="166"/>
      <c r="Q275" s="166"/>
      <c r="R275" s="166"/>
      <c r="S275" s="166"/>
      <c r="T275" s="166"/>
      <c r="U275" s="166"/>
      <c r="V275" s="166"/>
      <c r="W275" s="166"/>
      <c r="X275" s="211"/>
      <c r="Y275" s="140"/>
      <c r="Z275" s="138"/>
      <c r="AA275" s="138"/>
      <c r="AB275" s="141"/>
      <c r="AC275" s="354"/>
      <c r="AD275" s="354"/>
      <c r="AE275" s="354"/>
      <c r="AF275" s="354"/>
    </row>
    <row r="276" spans="1:32" ht="18.75" customHeight="1" x14ac:dyDescent="0.15">
      <c r="A276" s="213"/>
      <c r="B276" s="205"/>
      <c r="C276" s="163"/>
      <c r="D276" s="170"/>
      <c r="E276" s="139"/>
      <c r="F276" s="230" t="s">
        <v>363</v>
      </c>
      <c r="G276" s="150" t="s">
        <v>361</v>
      </c>
      <c r="H276" s="252" t="s">
        <v>133</v>
      </c>
      <c r="I276" s="220" t="s">
        <v>363</v>
      </c>
      <c r="J276" s="184" t="s">
        <v>250</v>
      </c>
      <c r="K276" s="182"/>
      <c r="L276" s="221" t="s">
        <v>363</v>
      </c>
      <c r="M276" s="184" t="s">
        <v>263</v>
      </c>
      <c r="N276" s="166"/>
      <c r="O276" s="166"/>
      <c r="P276" s="166"/>
      <c r="Q276" s="166"/>
      <c r="R276" s="166"/>
      <c r="S276" s="166"/>
      <c r="T276" s="166"/>
      <c r="U276" s="166"/>
      <c r="V276" s="166"/>
      <c r="W276" s="166"/>
      <c r="X276" s="211"/>
      <c r="Y276" s="140"/>
      <c r="Z276" s="138"/>
      <c r="AA276" s="138"/>
      <c r="AB276" s="141"/>
      <c r="AC276" s="354"/>
      <c r="AD276" s="354"/>
      <c r="AE276" s="354"/>
      <c r="AF276" s="354"/>
    </row>
    <row r="277" spans="1:32" ht="18.75" customHeight="1" x14ac:dyDescent="0.15">
      <c r="A277" s="213"/>
      <c r="B277" s="205"/>
      <c r="C277" s="163"/>
      <c r="D277" s="230" t="s">
        <v>363</v>
      </c>
      <c r="E277" s="139" t="s">
        <v>181</v>
      </c>
      <c r="F277" s="230" t="s">
        <v>363</v>
      </c>
      <c r="G277" s="150" t="s">
        <v>341</v>
      </c>
      <c r="H277" s="252" t="s">
        <v>110</v>
      </c>
      <c r="I277" s="220" t="s">
        <v>363</v>
      </c>
      <c r="J277" s="184" t="s">
        <v>261</v>
      </c>
      <c r="K277" s="182"/>
      <c r="L277" s="212"/>
      <c r="M277" s="221" t="s">
        <v>363</v>
      </c>
      <c r="N277" s="184" t="s">
        <v>262</v>
      </c>
      <c r="O277" s="166"/>
      <c r="P277" s="166"/>
      <c r="Q277" s="166"/>
      <c r="R277" s="166"/>
      <c r="S277" s="166"/>
      <c r="T277" s="166"/>
      <c r="U277" s="166"/>
      <c r="V277" s="166"/>
      <c r="W277" s="166"/>
      <c r="X277" s="211"/>
      <c r="Y277" s="140"/>
      <c r="Z277" s="138"/>
      <c r="AA277" s="138"/>
      <c r="AB277" s="141"/>
      <c r="AC277" s="354"/>
      <c r="AD277" s="354"/>
      <c r="AE277" s="354"/>
      <c r="AF277" s="354"/>
    </row>
    <row r="278" spans="1:32" ht="18.75" customHeight="1" x14ac:dyDescent="0.15">
      <c r="A278" s="213"/>
      <c r="B278" s="205"/>
      <c r="C278" s="163"/>
      <c r="D278" s="170"/>
      <c r="E278" s="139"/>
      <c r="F278" s="170"/>
      <c r="G278" s="150"/>
      <c r="H278" s="252" t="s">
        <v>126</v>
      </c>
      <c r="I278" s="220" t="s">
        <v>363</v>
      </c>
      <c r="J278" s="184" t="s">
        <v>250</v>
      </c>
      <c r="K278" s="182"/>
      <c r="L278" s="221" t="s">
        <v>363</v>
      </c>
      <c r="M278" s="184" t="s">
        <v>263</v>
      </c>
      <c r="N278" s="166"/>
      <c r="O278" s="166"/>
      <c r="P278" s="166"/>
      <c r="Q278" s="166"/>
      <c r="R278" s="166"/>
      <c r="S278" s="166"/>
      <c r="T278" s="166"/>
      <c r="U278" s="166"/>
      <c r="V278" s="166"/>
      <c r="W278" s="166"/>
      <c r="X278" s="211"/>
      <c r="Y278" s="140"/>
      <c r="Z278" s="138"/>
      <c r="AA278" s="138"/>
      <c r="AB278" s="141"/>
      <c r="AC278" s="354"/>
      <c r="AD278" s="354"/>
      <c r="AE278" s="354"/>
      <c r="AF278" s="354"/>
    </row>
    <row r="279" spans="1:32" ht="18.75" customHeight="1" x14ac:dyDescent="0.15">
      <c r="A279" s="213"/>
      <c r="B279" s="205"/>
      <c r="C279" s="163"/>
      <c r="D279" s="170"/>
      <c r="E279" s="139"/>
      <c r="F279" s="170"/>
      <c r="G279" s="150"/>
      <c r="H279" s="252" t="s">
        <v>129</v>
      </c>
      <c r="I279" s="220" t="s">
        <v>363</v>
      </c>
      <c r="J279" s="184" t="s">
        <v>250</v>
      </c>
      <c r="K279" s="184"/>
      <c r="L279" s="221" t="s">
        <v>363</v>
      </c>
      <c r="M279" s="184" t="s">
        <v>251</v>
      </c>
      <c r="N279" s="184"/>
      <c r="O279" s="221" t="s">
        <v>363</v>
      </c>
      <c r="P279" s="184" t="s">
        <v>252</v>
      </c>
      <c r="Q279" s="166"/>
      <c r="R279" s="166"/>
      <c r="S279" s="166"/>
      <c r="T279" s="166"/>
      <c r="U279" s="166"/>
      <c r="V279" s="166"/>
      <c r="W279" s="166"/>
      <c r="X279" s="211"/>
      <c r="Y279" s="140"/>
      <c r="Z279" s="138"/>
      <c r="AA279" s="138"/>
      <c r="AB279" s="141"/>
      <c r="AC279" s="354"/>
      <c r="AD279" s="354"/>
      <c r="AE279" s="354"/>
      <c r="AF279" s="354"/>
    </row>
    <row r="280" spans="1:32" ht="18.75" customHeight="1" x14ac:dyDescent="0.15">
      <c r="A280" s="213"/>
      <c r="B280" s="205"/>
      <c r="C280" s="163"/>
      <c r="D280" s="170"/>
      <c r="E280" s="139"/>
      <c r="F280" s="170"/>
      <c r="G280" s="150"/>
      <c r="H280" s="252" t="s">
        <v>131</v>
      </c>
      <c r="I280" s="220" t="s">
        <v>363</v>
      </c>
      <c r="J280" s="184" t="s">
        <v>250</v>
      </c>
      <c r="K280" s="184"/>
      <c r="L280" s="221" t="s">
        <v>363</v>
      </c>
      <c r="M280" s="184" t="s">
        <v>256</v>
      </c>
      <c r="N280" s="184"/>
      <c r="O280" s="221" t="s">
        <v>363</v>
      </c>
      <c r="P280" s="184" t="s">
        <v>257</v>
      </c>
      <c r="Q280" s="239"/>
      <c r="R280" s="221" t="s">
        <v>363</v>
      </c>
      <c r="S280" s="184" t="s">
        <v>273</v>
      </c>
      <c r="T280" s="239"/>
      <c r="U280" s="239"/>
      <c r="V280" s="239"/>
      <c r="W280" s="239"/>
      <c r="X280" s="209"/>
      <c r="Y280" s="140"/>
      <c r="Z280" s="138"/>
      <c r="AA280" s="138"/>
      <c r="AB280" s="141"/>
      <c r="AC280" s="354"/>
      <c r="AD280" s="354"/>
      <c r="AE280" s="354"/>
      <c r="AF280" s="354"/>
    </row>
    <row r="281" spans="1:32" ht="18.75" customHeight="1" x14ac:dyDescent="0.15">
      <c r="A281" s="213"/>
      <c r="B281" s="205"/>
      <c r="C281" s="163"/>
      <c r="D281" s="170"/>
      <c r="E281" s="139"/>
      <c r="F281" s="170"/>
      <c r="G281" s="150"/>
      <c r="H281" s="359" t="s">
        <v>224</v>
      </c>
      <c r="I281" s="373" t="s">
        <v>363</v>
      </c>
      <c r="J281" s="374" t="s">
        <v>250</v>
      </c>
      <c r="K281" s="374"/>
      <c r="L281" s="375" t="s">
        <v>363</v>
      </c>
      <c r="M281" s="374" t="s">
        <v>263</v>
      </c>
      <c r="N281" s="374"/>
      <c r="O281" s="238"/>
      <c r="P281" s="238"/>
      <c r="Q281" s="238"/>
      <c r="R281" s="238"/>
      <c r="S281" s="238"/>
      <c r="T281" s="238"/>
      <c r="U281" s="238"/>
      <c r="V281" s="238"/>
      <c r="W281" s="238"/>
      <c r="X281" s="199"/>
      <c r="Y281" s="140"/>
      <c r="Z281" s="138"/>
      <c r="AA281" s="138"/>
      <c r="AB281" s="141"/>
      <c r="AC281" s="354"/>
      <c r="AD281" s="354"/>
      <c r="AE281" s="354"/>
      <c r="AF281" s="354"/>
    </row>
    <row r="282" spans="1:32" s="161" customFormat="1" ht="18.75" customHeight="1" x14ac:dyDescent="0.15">
      <c r="A282" s="213"/>
      <c r="B282" s="205"/>
      <c r="C282" s="163"/>
      <c r="D282" s="170"/>
      <c r="E282" s="139"/>
      <c r="F282" s="170"/>
      <c r="G282" s="150"/>
      <c r="H282" s="360"/>
      <c r="I282" s="373"/>
      <c r="J282" s="374"/>
      <c r="K282" s="374"/>
      <c r="L282" s="375"/>
      <c r="M282" s="374"/>
      <c r="N282" s="374"/>
      <c r="O282" s="237"/>
      <c r="P282" s="237"/>
      <c r="Q282" s="237"/>
      <c r="R282" s="237"/>
      <c r="S282" s="237"/>
      <c r="T282" s="237"/>
      <c r="U282" s="237"/>
      <c r="V282" s="237"/>
      <c r="W282" s="237"/>
      <c r="X282" s="204"/>
      <c r="Y282" s="140"/>
      <c r="Z282" s="138"/>
      <c r="AA282" s="138"/>
      <c r="AB282" s="141"/>
      <c r="AC282" s="354"/>
      <c r="AD282" s="354"/>
      <c r="AE282" s="354"/>
      <c r="AF282" s="354"/>
    </row>
    <row r="283" spans="1:32" ht="18.75" customHeight="1" x14ac:dyDescent="0.15">
      <c r="A283" s="213"/>
      <c r="B283" s="205"/>
      <c r="C283" s="163"/>
      <c r="D283" s="170"/>
      <c r="E283" s="139"/>
      <c r="F283" s="170"/>
      <c r="G283" s="150"/>
      <c r="H283" s="253" t="s">
        <v>135</v>
      </c>
      <c r="I283" s="220" t="s">
        <v>363</v>
      </c>
      <c r="J283" s="184" t="s">
        <v>250</v>
      </c>
      <c r="K283" s="184"/>
      <c r="L283" s="221" t="s">
        <v>363</v>
      </c>
      <c r="M283" s="184" t="s">
        <v>256</v>
      </c>
      <c r="N283" s="184"/>
      <c r="O283" s="221" t="s">
        <v>363</v>
      </c>
      <c r="P283" s="184" t="s">
        <v>257</v>
      </c>
      <c r="Q283" s="239"/>
      <c r="R283" s="221" t="s">
        <v>363</v>
      </c>
      <c r="S283" s="184" t="s">
        <v>258</v>
      </c>
      <c r="T283" s="166"/>
      <c r="U283" s="166"/>
      <c r="V283" s="166"/>
      <c r="W283" s="166"/>
      <c r="X283" s="211"/>
      <c r="Y283" s="140"/>
      <c r="Z283" s="138"/>
      <c r="AA283" s="138"/>
      <c r="AB283" s="141"/>
      <c r="AC283" s="354"/>
      <c r="AD283" s="354"/>
      <c r="AE283" s="354"/>
      <c r="AF283" s="354"/>
    </row>
    <row r="284" spans="1:32" s="307" customFormat="1" ht="18.75" customHeight="1" x14ac:dyDescent="0.15">
      <c r="A284" s="213"/>
      <c r="B284" s="205"/>
      <c r="C284" s="163"/>
      <c r="D284" s="170"/>
      <c r="E284" s="139"/>
      <c r="F284" s="170"/>
      <c r="G284" s="150"/>
      <c r="H284" s="301" t="s">
        <v>467</v>
      </c>
      <c r="I284" s="302" t="s">
        <v>363</v>
      </c>
      <c r="J284" s="186" t="s">
        <v>464</v>
      </c>
      <c r="K284" s="186"/>
      <c r="L284" s="304" t="s">
        <v>363</v>
      </c>
      <c r="M284" s="186" t="s">
        <v>465</v>
      </c>
      <c r="N284" s="186"/>
      <c r="O284" s="304" t="s">
        <v>363</v>
      </c>
      <c r="P284" s="186" t="s">
        <v>466</v>
      </c>
      <c r="Q284" s="303"/>
      <c r="R284" s="304"/>
      <c r="S284" s="186"/>
      <c r="T284" s="176"/>
      <c r="U284" s="176"/>
      <c r="V284" s="176"/>
      <c r="W284" s="176"/>
      <c r="X284" s="177"/>
      <c r="Y284" s="140"/>
      <c r="Z284" s="138"/>
      <c r="AA284" s="138"/>
      <c r="AB284" s="141"/>
      <c r="AC284" s="355"/>
      <c r="AD284" s="355"/>
      <c r="AE284" s="355"/>
      <c r="AF284" s="355"/>
    </row>
    <row r="285" spans="1:32" ht="18.75" customHeight="1" x14ac:dyDescent="0.15">
      <c r="A285" s="213"/>
      <c r="B285" s="205"/>
      <c r="C285" s="163"/>
      <c r="D285" s="156"/>
      <c r="E285" s="198"/>
      <c r="F285" s="156"/>
      <c r="G285" s="152"/>
      <c r="H285" s="316" t="s">
        <v>468</v>
      </c>
      <c r="I285" s="309" t="s">
        <v>363</v>
      </c>
      <c r="J285" s="310" t="s">
        <v>250</v>
      </c>
      <c r="K285" s="310"/>
      <c r="L285" s="311" t="s">
        <v>363</v>
      </c>
      <c r="M285" s="310" t="s">
        <v>263</v>
      </c>
      <c r="N285" s="310"/>
      <c r="O285" s="310"/>
      <c r="P285" s="310"/>
      <c r="Q285" s="312"/>
      <c r="R285" s="312"/>
      <c r="S285" s="312"/>
      <c r="T285" s="312"/>
      <c r="U285" s="312"/>
      <c r="V285" s="312"/>
      <c r="W285" s="312"/>
      <c r="X285" s="313"/>
      <c r="Y285" s="195"/>
      <c r="Z285" s="196"/>
      <c r="AA285" s="196"/>
      <c r="AB285" s="197"/>
      <c r="AC285" s="356"/>
      <c r="AD285" s="356"/>
      <c r="AE285" s="356"/>
      <c r="AF285" s="356"/>
    </row>
    <row r="286" spans="1:32" ht="18.75" customHeight="1" x14ac:dyDescent="0.15">
      <c r="A286" s="213"/>
      <c r="B286" s="205"/>
      <c r="C286" s="163"/>
      <c r="D286" s="153"/>
      <c r="E286" s="175"/>
      <c r="F286" s="256"/>
      <c r="G286" s="175"/>
      <c r="H286" s="372" t="s">
        <v>111</v>
      </c>
      <c r="I286" s="228" t="s">
        <v>363</v>
      </c>
      <c r="J286" s="109" t="s">
        <v>282</v>
      </c>
      <c r="K286" s="181"/>
      <c r="L286" s="257"/>
      <c r="M286" s="229" t="s">
        <v>363</v>
      </c>
      <c r="N286" s="109" t="s">
        <v>306</v>
      </c>
      <c r="O286" s="154"/>
      <c r="P286" s="154"/>
      <c r="Q286" s="229" t="s">
        <v>363</v>
      </c>
      <c r="R286" s="109" t="s">
        <v>307</v>
      </c>
      <c r="S286" s="154"/>
      <c r="T286" s="154"/>
      <c r="U286" s="229" t="s">
        <v>363</v>
      </c>
      <c r="V286" s="109" t="s">
        <v>308</v>
      </c>
      <c r="W286" s="154"/>
      <c r="X286" s="155"/>
      <c r="Y286" s="214" t="s">
        <v>363</v>
      </c>
      <c r="Z286" s="109" t="s">
        <v>249</v>
      </c>
      <c r="AA286" s="109"/>
      <c r="AB286" s="194"/>
      <c r="AC286" s="352"/>
      <c r="AD286" s="352"/>
      <c r="AE286" s="352"/>
      <c r="AF286" s="352"/>
    </row>
    <row r="287" spans="1:32" s="161" customFormat="1" ht="18.75" customHeight="1" x14ac:dyDescent="0.15">
      <c r="A287" s="213"/>
      <c r="B287" s="205"/>
      <c r="C287" s="163"/>
      <c r="D287" s="170"/>
      <c r="E287" s="150"/>
      <c r="F287" s="258"/>
      <c r="G287" s="150"/>
      <c r="H287" s="358"/>
      <c r="I287" s="241" t="s">
        <v>363</v>
      </c>
      <c r="J287" s="188" t="s">
        <v>309</v>
      </c>
      <c r="K287" s="190"/>
      <c r="L287" s="203"/>
      <c r="M287" s="243" t="s">
        <v>363</v>
      </c>
      <c r="N287" s="188" t="s">
        <v>283</v>
      </c>
      <c r="O287" s="237"/>
      <c r="P287" s="237"/>
      <c r="Q287" s="237"/>
      <c r="R287" s="237"/>
      <c r="S287" s="237"/>
      <c r="T287" s="237"/>
      <c r="U287" s="237"/>
      <c r="V287" s="237"/>
      <c r="W287" s="237"/>
      <c r="X287" s="204"/>
      <c r="Y287" s="214" t="s">
        <v>363</v>
      </c>
      <c r="Z287" s="143" t="s">
        <v>253</v>
      </c>
      <c r="AA287" s="138"/>
      <c r="AB287" s="141"/>
      <c r="AC287" s="353"/>
      <c r="AD287" s="353"/>
      <c r="AE287" s="353"/>
      <c r="AF287" s="353"/>
    </row>
    <row r="288" spans="1:32" ht="18.75" customHeight="1" x14ac:dyDescent="0.15">
      <c r="A288" s="230" t="s">
        <v>363</v>
      </c>
      <c r="B288" s="205" t="s">
        <v>375</v>
      </c>
      <c r="C288" s="163" t="s">
        <v>85</v>
      </c>
      <c r="D288" s="170"/>
      <c r="E288" s="150"/>
      <c r="F288" s="258"/>
      <c r="G288" s="150"/>
      <c r="H288" s="357" t="s">
        <v>109</v>
      </c>
      <c r="I288" s="240" t="s">
        <v>363</v>
      </c>
      <c r="J288" s="186" t="s">
        <v>250</v>
      </c>
      <c r="K288" s="186"/>
      <c r="L288" s="200"/>
      <c r="M288" s="242" t="s">
        <v>363</v>
      </c>
      <c r="N288" s="186" t="s">
        <v>274</v>
      </c>
      <c r="O288" s="186"/>
      <c r="P288" s="200"/>
      <c r="Q288" s="242" t="s">
        <v>363</v>
      </c>
      <c r="R288" s="238" t="s">
        <v>356</v>
      </c>
      <c r="S288" s="238"/>
      <c r="T288" s="238"/>
      <c r="U288" s="176"/>
      <c r="V288" s="200"/>
      <c r="W288" s="238"/>
      <c r="X288" s="177"/>
      <c r="Y288" s="140"/>
      <c r="Z288" s="138"/>
      <c r="AA288" s="138"/>
      <c r="AB288" s="141"/>
      <c r="AC288" s="354"/>
      <c r="AD288" s="354"/>
      <c r="AE288" s="354"/>
      <c r="AF288" s="354"/>
    </row>
    <row r="289" spans="1:32" s="161" customFormat="1" ht="18.75" customHeight="1" x14ac:dyDescent="0.15">
      <c r="A289" s="213"/>
      <c r="B289" s="205"/>
      <c r="C289" s="163"/>
      <c r="D289" s="170"/>
      <c r="E289" s="150"/>
      <c r="F289" s="258"/>
      <c r="G289" s="150"/>
      <c r="H289" s="358"/>
      <c r="I289" s="241" t="s">
        <v>363</v>
      </c>
      <c r="J289" s="237" t="s">
        <v>357</v>
      </c>
      <c r="K289" s="237"/>
      <c r="L289" s="237"/>
      <c r="M289" s="243" t="s">
        <v>363</v>
      </c>
      <c r="N289" s="237" t="s">
        <v>358</v>
      </c>
      <c r="O289" s="203"/>
      <c r="P289" s="237"/>
      <c r="Q289" s="237"/>
      <c r="R289" s="203"/>
      <c r="S289" s="237"/>
      <c r="T289" s="237"/>
      <c r="U289" s="178"/>
      <c r="V289" s="203"/>
      <c r="W289" s="237"/>
      <c r="X289" s="179"/>
      <c r="Y289" s="140"/>
      <c r="Z289" s="138"/>
      <c r="AA289" s="138"/>
      <c r="AB289" s="141"/>
      <c r="AC289" s="354"/>
      <c r="AD289" s="354"/>
      <c r="AE289" s="354"/>
      <c r="AF289" s="354"/>
    </row>
    <row r="290" spans="1:32" ht="18.75" customHeight="1" x14ac:dyDescent="0.15">
      <c r="A290" s="213"/>
      <c r="B290" s="205"/>
      <c r="C290" s="163"/>
      <c r="D290" s="170"/>
      <c r="E290" s="150"/>
      <c r="F290" s="258"/>
      <c r="G290" s="150"/>
      <c r="H290" s="252" t="s">
        <v>112</v>
      </c>
      <c r="I290" s="220" t="s">
        <v>363</v>
      </c>
      <c r="J290" s="184" t="s">
        <v>261</v>
      </c>
      <c r="K290" s="182"/>
      <c r="L290" s="212"/>
      <c r="M290" s="221" t="s">
        <v>363</v>
      </c>
      <c r="N290" s="184" t="s">
        <v>262</v>
      </c>
      <c r="O290" s="166"/>
      <c r="P290" s="166"/>
      <c r="Q290" s="166"/>
      <c r="R290" s="166"/>
      <c r="S290" s="166"/>
      <c r="T290" s="166"/>
      <c r="U290" s="166"/>
      <c r="V290" s="166"/>
      <c r="W290" s="166"/>
      <c r="X290" s="211"/>
      <c r="Y290" s="140"/>
      <c r="Z290" s="138"/>
      <c r="AA290" s="138"/>
      <c r="AB290" s="141"/>
      <c r="AC290" s="354"/>
      <c r="AD290" s="354"/>
      <c r="AE290" s="354"/>
      <c r="AF290" s="354"/>
    </row>
    <row r="291" spans="1:32" ht="18.75" customHeight="1" x14ac:dyDescent="0.15">
      <c r="A291" s="213"/>
      <c r="B291" s="205"/>
      <c r="C291" s="163"/>
      <c r="D291" s="170"/>
      <c r="E291" s="150"/>
      <c r="F291" s="258"/>
      <c r="G291" s="150"/>
      <c r="H291" s="252" t="s">
        <v>183</v>
      </c>
      <c r="I291" s="220" t="s">
        <v>363</v>
      </c>
      <c r="J291" s="184" t="s">
        <v>282</v>
      </c>
      <c r="K291" s="182"/>
      <c r="L291" s="212"/>
      <c r="M291" s="221" t="s">
        <v>363</v>
      </c>
      <c r="N291" s="184" t="s">
        <v>310</v>
      </c>
      <c r="O291" s="166"/>
      <c r="P291" s="166"/>
      <c r="Q291" s="166"/>
      <c r="R291" s="166"/>
      <c r="S291" s="166"/>
      <c r="T291" s="166"/>
      <c r="U291" s="166"/>
      <c r="V291" s="166"/>
      <c r="W291" s="166"/>
      <c r="X291" s="211"/>
      <c r="Y291" s="140"/>
      <c r="Z291" s="138"/>
      <c r="AA291" s="138"/>
      <c r="AB291" s="141"/>
      <c r="AC291" s="354"/>
      <c r="AD291" s="354"/>
      <c r="AE291" s="354"/>
      <c r="AF291" s="354"/>
    </row>
    <row r="292" spans="1:32" ht="18.75" customHeight="1" x14ac:dyDescent="0.15">
      <c r="A292" s="213"/>
      <c r="B292" s="205"/>
      <c r="C292" s="163"/>
      <c r="D292" s="170"/>
      <c r="E292" s="150"/>
      <c r="F292" s="258"/>
      <c r="G292" s="150"/>
      <c r="H292" s="252" t="s">
        <v>184</v>
      </c>
      <c r="I292" s="220" t="s">
        <v>363</v>
      </c>
      <c r="J292" s="184" t="s">
        <v>282</v>
      </c>
      <c r="K292" s="182"/>
      <c r="L292" s="212"/>
      <c r="M292" s="221" t="s">
        <v>363</v>
      </c>
      <c r="N292" s="184" t="s">
        <v>310</v>
      </c>
      <c r="O292" s="166"/>
      <c r="P292" s="166"/>
      <c r="Q292" s="166"/>
      <c r="R292" s="166"/>
      <c r="S292" s="166"/>
      <c r="T292" s="166"/>
      <c r="U292" s="166"/>
      <c r="V292" s="166"/>
      <c r="W292" s="166"/>
      <c r="X292" s="211"/>
      <c r="Y292" s="140"/>
      <c r="Z292" s="138"/>
      <c r="AA292" s="138"/>
      <c r="AB292" s="141"/>
      <c r="AC292" s="354"/>
      <c r="AD292" s="354"/>
      <c r="AE292" s="354"/>
      <c r="AF292" s="354"/>
    </row>
    <row r="293" spans="1:32" ht="18.75" customHeight="1" x14ac:dyDescent="0.15">
      <c r="A293" s="213"/>
      <c r="B293" s="205"/>
      <c r="C293" s="163"/>
      <c r="D293" s="170"/>
      <c r="E293" s="150"/>
      <c r="F293" s="258"/>
      <c r="G293" s="150"/>
      <c r="H293" s="252" t="s">
        <v>133</v>
      </c>
      <c r="I293" s="220" t="s">
        <v>363</v>
      </c>
      <c r="J293" s="184" t="s">
        <v>250</v>
      </c>
      <c r="K293" s="182"/>
      <c r="L293" s="221" t="s">
        <v>363</v>
      </c>
      <c r="M293" s="184" t="s">
        <v>263</v>
      </c>
      <c r="N293" s="166"/>
      <c r="O293" s="166"/>
      <c r="P293" s="166"/>
      <c r="Q293" s="166"/>
      <c r="R293" s="166"/>
      <c r="S293" s="166"/>
      <c r="T293" s="166"/>
      <c r="U293" s="166"/>
      <c r="V293" s="166"/>
      <c r="W293" s="166"/>
      <c r="X293" s="211"/>
      <c r="Y293" s="140"/>
      <c r="Z293" s="138"/>
      <c r="AA293" s="138"/>
      <c r="AB293" s="141"/>
      <c r="AC293" s="354"/>
      <c r="AD293" s="354"/>
      <c r="AE293" s="354"/>
      <c r="AF293" s="354"/>
    </row>
    <row r="294" spans="1:32" ht="18.75" customHeight="1" x14ac:dyDescent="0.15">
      <c r="A294" s="213"/>
      <c r="B294" s="205"/>
      <c r="C294" s="163"/>
      <c r="D294" s="170"/>
      <c r="E294" s="150"/>
      <c r="F294" s="258"/>
      <c r="G294" s="150"/>
      <c r="H294" s="252" t="s">
        <v>110</v>
      </c>
      <c r="I294" s="220" t="s">
        <v>363</v>
      </c>
      <c r="J294" s="184" t="s">
        <v>261</v>
      </c>
      <c r="K294" s="182"/>
      <c r="L294" s="212"/>
      <c r="M294" s="221" t="s">
        <v>363</v>
      </c>
      <c r="N294" s="184" t="s">
        <v>262</v>
      </c>
      <c r="O294" s="166"/>
      <c r="P294" s="166"/>
      <c r="Q294" s="166"/>
      <c r="R294" s="166"/>
      <c r="S294" s="166"/>
      <c r="T294" s="166"/>
      <c r="U294" s="166"/>
      <c r="V294" s="166"/>
      <c r="W294" s="166"/>
      <c r="X294" s="211"/>
      <c r="Y294" s="140"/>
      <c r="Z294" s="138"/>
      <c r="AA294" s="138"/>
      <c r="AB294" s="141"/>
      <c r="AC294" s="354"/>
      <c r="AD294" s="354"/>
      <c r="AE294" s="354"/>
      <c r="AF294" s="354"/>
    </row>
    <row r="295" spans="1:32" ht="18.75" customHeight="1" x14ac:dyDescent="0.15">
      <c r="A295" s="213"/>
      <c r="B295" s="205"/>
      <c r="C295" s="163"/>
      <c r="D295" s="230" t="s">
        <v>363</v>
      </c>
      <c r="E295" s="150" t="s">
        <v>221</v>
      </c>
      <c r="F295" s="230" t="s">
        <v>363</v>
      </c>
      <c r="G295" s="150" t="s">
        <v>353</v>
      </c>
      <c r="H295" s="252" t="s">
        <v>126</v>
      </c>
      <c r="I295" s="220" t="s">
        <v>363</v>
      </c>
      <c r="J295" s="184" t="s">
        <v>250</v>
      </c>
      <c r="K295" s="182"/>
      <c r="L295" s="221" t="s">
        <v>363</v>
      </c>
      <c r="M295" s="184" t="s">
        <v>263</v>
      </c>
      <c r="N295" s="166"/>
      <c r="O295" s="166"/>
      <c r="P295" s="166"/>
      <c r="Q295" s="166"/>
      <c r="R295" s="166"/>
      <c r="S295" s="166"/>
      <c r="T295" s="166"/>
      <c r="U295" s="166"/>
      <c r="V295" s="166"/>
      <c r="W295" s="166"/>
      <c r="X295" s="211"/>
      <c r="Y295" s="140"/>
      <c r="Z295" s="138"/>
      <c r="AA295" s="138"/>
      <c r="AB295" s="141"/>
      <c r="AC295" s="354"/>
      <c r="AD295" s="354"/>
      <c r="AE295" s="354"/>
      <c r="AF295" s="354"/>
    </row>
    <row r="296" spans="1:32" ht="18.75" customHeight="1" x14ac:dyDescent="0.15">
      <c r="A296" s="213"/>
      <c r="B296" s="205"/>
      <c r="C296" s="163"/>
      <c r="D296" s="170"/>
      <c r="E296" s="150"/>
      <c r="F296" s="230" t="s">
        <v>363</v>
      </c>
      <c r="G296" s="150" t="s">
        <v>354</v>
      </c>
      <c r="H296" s="252" t="s">
        <v>129</v>
      </c>
      <c r="I296" s="220" t="s">
        <v>363</v>
      </c>
      <c r="J296" s="184" t="s">
        <v>250</v>
      </c>
      <c r="K296" s="184"/>
      <c r="L296" s="221" t="s">
        <v>363</v>
      </c>
      <c r="M296" s="184" t="s">
        <v>251</v>
      </c>
      <c r="N296" s="184"/>
      <c r="O296" s="221" t="s">
        <v>363</v>
      </c>
      <c r="P296" s="184" t="s">
        <v>252</v>
      </c>
      <c r="Q296" s="166"/>
      <c r="R296" s="166"/>
      <c r="S296" s="166"/>
      <c r="T296" s="166"/>
      <c r="U296" s="166"/>
      <c r="V296" s="166"/>
      <c r="W296" s="166"/>
      <c r="X296" s="211"/>
      <c r="Y296" s="140"/>
      <c r="Z296" s="138"/>
      <c r="AA296" s="138"/>
      <c r="AB296" s="141"/>
      <c r="AC296" s="354"/>
      <c r="AD296" s="354"/>
      <c r="AE296" s="354"/>
      <c r="AF296" s="354"/>
    </row>
    <row r="297" spans="1:32" ht="18.75" customHeight="1" x14ac:dyDescent="0.15">
      <c r="A297" s="213"/>
      <c r="B297" s="205"/>
      <c r="C297" s="163"/>
      <c r="D297" s="170"/>
      <c r="E297" s="150"/>
      <c r="F297" s="258"/>
      <c r="G297" s="150"/>
      <c r="H297" s="357" t="s">
        <v>180</v>
      </c>
      <c r="I297" s="240" t="s">
        <v>363</v>
      </c>
      <c r="J297" s="186" t="s">
        <v>298</v>
      </c>
      <c r="K297" s="186"/>
      <c r="L297" s="176"/>
      <c r="M297" s="176"/>
      <c r="N297" s="176"/>
      <c r="O297" s="176"/>
      <c r="P297" s="242" t="s">
        <v>363</v>
      </c>
      <c r="Q297" s="186" t="s">
        <v>299</v>
      </c>
      <c r="R297" s="176"/>
      <c r="S297" s="176"/>
      <c r="T297" s="176"/>
      <c r="U297" s="176"/>
      <c r="V297" s="176"/>
      <c r="W297" s="176"/>
      <c r="X297" s="177"/>
      <c r="Y297" s="140"/>
      <c r="Z297" s="138"/>
      <c r="AA297" s="138"/>
      <c r="AB297" s="141"/>
      <c r="AC297" s="354"/>
      <c r="AD297" s="354"/>
      <c r="AE297" s="354"/>
      <c r="AF297" s="354"/>
    </row>
    <row r="298" spans="1:32" s="161" customFormat="1" ht="18.75" customHeight="1" x14ac:dyDescent="0.15">
      <c r="A298" s="213"/>
      <c r="B298" s="205"/>
      <c r="C298" s="163"/>
      <c r="D298" s="170"/>
      <c r="E298" s="150"/>
      <c r="F298" s="258"/>
      <c r="G298" s="150"/>
      <c r="H298" s="358"/>
      <c r="I298" s="241" t="s">
        <v>363</v>
      </c>
      <c r="J298" s="188" t="s">
        <v>312</v>
      </c>
      <c r="K298" s="178"/>
      <c r="L298" s="178"/>
      <c r="M298" s="178"/>
      <c r="N298" s="178"/>
      <c r="O298" s="178"/>
      <c r="P298" s="178"/>
      <c r="Q298" s="237"/>
      <c r="R298" s="178"/>
      <c r="S298" s="178"/>
      <c r="T298" s="178"/>
      <c r="U298" s="178"/>
      <c r="V298" s="178"/>
      <c r="W298" s="178"/>
      <c r="X298" s="179"/>
      <c r="Y298" s="140"/>
      <c r="Z298" s="138"/>
      <c r="AA298" s="138"/>
      <c r="AB298" s="141"/>
      <c r="AC298" s="354"/>
      <c r="AD298" s="354"/>
      <c r="AE298" s="354"/>
      <c r="AF298" s="354"/>
    </row>
    <row r="299" spans="1:32" ht="18.75" customHeight="1" x14ac:dyDescent="0.15">
      <c r="A299" s="213"/>
      <c r="B299" s="205"/>
      <c r="C299" s="163"/>
      <c r="D299" s="170"/>
      <c r="E299" s="150"/>
      <c r="F299" s="258"/>
      <c r="G299" s="150"/>
      <c r="H299" s="357" t="s">
        <v>116</v>
      </c>
      <c r="I299" s="240" t="s">
        <v>363</v>
      </c>
      <c r="J299" s="186" t="s">
        <v>313</v>
      </c>
      <c r="K299" s="192"/>
      <c r="L299" s="200"/>
      <c r="M299" s="242" t="s">
        <v>363</v>
      </c>
      <c r="N299" s="186" t="s">
        <v>314</v>
      </c>
      <c r="O299" s="176"/>
      <c r="P299" s="176"/>
      <c r="Q299" s="242" t="s">
        <v>363</v>
      </c>
      <c r="R299" s="186" t="s">
        <v>315</v>
      </c>
      <c r="S299" s="176"/>
      <c r="T299" s="176"/>
      <c r="U299" s="176"/>
      <c r="V299" s="176"/>
      <c r="W299" s="176"/>
      <c r="X299" s="177"/>
      <c r="Y299" s="140"/>
      <c r="Z299" s="138"/>
      <c r="AA299" s="138"/>
      <c r="AB299" s="141"/>
      <c r="AC299" s="354"/>
      <c r="AD299" s="354"/>
      <c r="AE299" s="354"/>
      <c r="AF299" s="354"/>
    </row>
    <row r="300" spans="1:32" s="161" customFormat="1" ht="18.75" customHeight="1" x14ac:dyDescent="0.15">
      <c r="A300" s="213"/>
      <c r="B300" s="205"/>
      <c r="C300" s="163"/>
      <c r="D300" s="170"/>
      <c r="E300" s="150"/>
      <c r="F300" s="258"/>
      <c r="G300" s="150"/>
      <c r="H300" s="358"/>
      <c r="I300" s="241" t="s">
        <v>363</v>
      </c>
      <c r="J300" s="188" t="s">
        <v>316</v>
      </c>
      <c r="K300" s="178"/>
      <c r="L300" s="178"/>
      <c r="M300" s="178"/>
      <c r="N300" s="178"/>
      <c r="O300" s="178"/>
      <c r="P300" s="178"/>
      <c r="Q300" s="260" t="s">
        <v>363</v>
      </c>
      <c r="R300" s="188" t="s">
        <v>317</v>
      </c>
      <c r="S300" s="237"/>
      <c r="T300" s="178"/>
      <c r="U300" s="178"/>
      <c r="V300" s="178"/>
      <c r="W300" s="178"/>
      <c r="X300" s="179"/>
      <c r="Y300" s="140"/>
      <c r="Z300" s="138"/>
      <c r="AA300" s="138"/>
      <c r="AB300" s="141"/>
      <c r="AC300" s="354"/>
      <c r="AD300" s="354"/>
      <c r="AE300" s="354"/>
      <c r="AF300" s="354"/>
    </row>
    <row r="301" spans="1:32" ht="18.75" customHeight="1" x14ac:dyDescent="0.15">
      <c r="A301" s="213"/>
      <c r="B301" s="205"/>
      <c r="C301" s="163"/>
      <c r="D301" s="170"/>
      <c r="E301" s="150"/>
      <c r="F301" s="258"/>
      <c r="G301" s="150"/>
      <c r="H301" s="252" t="s">
        <v>131</v>
      </c>
      <c r="I301" s="220" t="s">
        <v>363</v>
      </c>
      <c r="J301" s="184" t="s">
        <v>250</v>
      </c>
      <c r="K301" s="184"/>
      <c r="L301" s="221" t="s">
        <v>363</v>
      </c>
      <c r="M301" s="184" t="s">
        <v>256</v>
      </c>
      <c r="N301" s="184"/>
      <c r="O301" s="221" t="s">
        <v>363</v>
      </c>
      <c r="P301" s="184" t="s">
        <v>257</v>
      </c>
      <c r="Q301" s="239"/>
      <c r="R301" s="221" t="s">
        <v>363</v>
      </c>
      <c r="S301" s="184" t="s">
        <v>273</v>
      </c>
      <c r="T301" s="239"/>
      <c r="U301" s="239"/>
      <c r="V301" s="239"/>
      <c r="W301" s="239"/>
      <c r="X301" s="209"/>
      <c r="Y301" s="140"/>
      <c r="Z301" s="138"/>
      <c r="AA301" s="138"/>
      <c r="AB301" s="141"/>
      <c r="AC301" s="354"/>
      <c r="AD301" s="354"/>
      <c r="AE301" s="354"/>
      <c r="AF301" s="354"/>
    </row>
    <row r="302" spans="1:32" ht="18.75" customHeight="1" x14ac:dyDescent="0.15">
      <c r="A302" s="213"/>
      <c r="B302" s="205"/>
      <c r="C302" s="163"/>
      <c r="D302" s="170"/>
      <c r="E302" s="150"/>
      <c r="F302" s="258"/>
      <c r="G302" s="150"/>
      <c r="H302" s="359" t="s">
        <v>224</v>
      </c>
      <c r="I302" s="373" t="s">
        <v>363</v>
      </c>
      <c r="J302" s="374" t="s">
        <v>250</v>
      </c>
      <c r="K302" s="374"/>
      <c r="L302" s="375" t="s">
        <v>363</v>
      </c>
      <c r="M302" s="374" t="s">
        <v>263</v>
      </c>
      <c r="N302" s="374"/>
      <c r="O302" s="238"/>
      <c r="P302" s="238"/>
      <c r="Q302" s="238"/>
      <c r="R302" s="238"/>
      <c r="S302" s="238"/>
      <c r="T302" s="238"/>
      <c r="U302" s="238"/>
      <c r="V302" s="238"/>
      <c r="W302" s="238"/>
      <c r="X302" s="199"/>
      <c r="Y302" s="140"/>
      <c r="Z302" s="138"/>
      <c r="AA302" s="138"/>
      <c r="AB302" s="141"/>
      <c r="AC302" s="354"/>
      <c r="AD302" s="354"/>
      <c r="AE302" s="354"/>
      <c r="AF302" s="354"/>
    </row>
    <row r="303" spans="1:32" s="161" customFormat="1" ht="18.75" customHeight="1" x14ac:dyDescent="0.15">
      <c r="A303" s="213"/>
      <c r="B303" s="205"/>
      <c r="C303" s="163"/>
      <c r="D303" s="170"/>
      <c r="E303" s="150"/>
      <c r="F303" s="258"/>
      <c r="G303" s="150"/>
      <c r="H303" s="360"/>
      <c r="I303" s="373"/>
      <c r="J303" s="374"/>
      <c r="K303" s="374"/>
      <c r="L303" s="375"/>
      <c r="M303" s="374"/>
      <c r="N303" s="374"/>
      <c r="O303" s="237"/>
      <c r="P303" s="237"/>
      <c r="Q303" s="237"/>
      <c r="R303" s="237"/>
      <c r="S303" s="237"/>
      <c r="T303" s="237"/>
      <c r="U303" s="237"/>
      <c r="V303" s="237"/>
      <c r="W303" s="237"/>
      <c r="X303" s="204"/>
      <c r="Y303" s="140"/>
      <c r="Z303" s="138"/>
      <c r="AA303" s="138"/>
      <c r="AB303" s="141"/>
      <c r="AC303" s="354"/>
      <c r="AD303" s="354"/>
      <c r="AE303" s="354"/>
      <c r="AF303" s="354"/>
    </row>
    <row r="304" spans="1:32" ht="18.75" customHeight="1" x14ac:dyDescent="0.15">
      <c r="A304" s="213"/>
      <c r="B304" s="205"/>
      <c r="C304" s="163"/>
      <c r="D304" s="170"/>
      <c r="E304" s="150"/>
      <c r="F304" s="258"/>
      <c r="G304" s="150"/>
      <c r="H304" s="253" t="s">
        <v>135</v>
      </c>
      <c r="I304" s="220" t="s">
        <v>363</v>
      </c>
      <c r="J304" s="184" t="s">
        <v>250</v>
      </c>
      <c r="K304" s="184"/>
      <c r="L304" s="221" t="s">
        <v>363</v>
      </c>
      <c r="M304" s="184" t="s">
        <v>256</v>
      </c>
      <c r="N304" s="184"/>
      <c r="O304" s="221" t="s">
        <v>363</v>
      </c>
      <c r="P304" s="184" t="s">
        <v>257</v>
      </c>
      <c r="Q304" s="239"/>
      <c r="R304" s="221" t="s">
        <v>363</v>
      </c>
      <c r="S304" s="184" t="s">
        <v>258</v>
      </c>
      <c r="T304" s="166"/>
      <c r="U304" s="166"/>
      <c r="V304" s="166"/>
      <c r="W304" s="166"/>
      <c r="X304" s="211"/>
      <c r="Y304" s="140"/>
      <c r="Z304" s="138"/>
      <c r="AA304" s="138"/>
      <c r="AB304" s="141"/>
      <c r="AC304" s="354"/>
      <c r="AD304" s="354"/>
      <c r="AE304" s="354"/>
      <c r="AF304" s="354"/>
    </row>
    <row r="305" spans="1:32" s="307" customFormat="1" ht="18.75" customHeight="1" x14ac:dyDescent="0.15">
      <c r="A305" s="213"/>
      <c r="B305" s="205"/>
      <c r="C305" s="163"/>
      <c r="D305" s="170"/>
      <c r="E305" s="150"/>
      <c r="F305" s="308"/>
      <c r="G305" s="150"/>
      <c r="H305" s="301" t="s">
        <v>467</v>
      </c>
      <c r="I305" s="302" t="s">
        <v>363</v>
      </c>
      <c r="J305" s="186" t="s">
        <v>464</v>
      </c>
      <c r="K305" s="186"/>
      <c r="L305" s="304" t="s">
        <v>363</v>
      </c>
      <c r="M305" s="186" t="s">
        <v>465</v>
      </c>
      <c r="N305" s="186"/>
      <c r="O305" s="304" t="s">
        <v>363</v>
      </c>
      <c r="P305" s="186" t="s">
        <v>466</v>
      </c>
      <c r="Q305" s="303"/>
      <c r="R305" s="304"/>
      <c r="S305" s="186"/>
      <c r="T305" s="176"/>
      <c r="U305" s="176"/>
      <c r="V305" s="176"/>
      <c r="W305" s="176"/>
      <c r="X305" s="177"/>
      <c r="Y305" s="140"/>
      <c r="Z305" s="138"/>
      <c r="AA305" s="138"/>
      <c r="AB305" s="141"/>
      <c r="AC305" s="355"/>
      <c r="AD305" s="355"/>
      <c r="AE305" s="355"/>
      <c r="AF305" s="355"/>
    </row>
    <row r="306" spans="1:32" ht="18.75" customHeight="1" x14ac:dyDescent="0.15">
      <c r="A306" s="215"/>
      <c r="B306" s="247"/>
      <c r="C306" s="164"/>
      <c r="D306" s="156"/>
      <c r="E306" s="152"/>
      <c r="F306" s="254"/>
      <c r="G306" s="152"/>
      <c r="H306" s="316" t="s">
        <v>468</v>
      </c>
      <c r="I306" s="309" t="s">
        <v>363</v>
      </c>
      <c r="J306" s="310" t="s">
        <v>250</v>
      </c>
      <c r="K306" s="310"/>
      <c r="L306" s="311" t="s">
        <v>363</v>
      </c>
      <c r="M306" s="310" t="s">
        <v>263</v>
      </c>
      <c r="N306" s="310"/>
      <c r="O306" s="310"/>
      <c r="P306" s="310"/>
      <c r="Q306" s="312"/>
      <c r="R306" s="312"/>
      <c r="S306" s="312"/>
      <c r="T306" s="312"/>
      <c r="U306" s="312"/>
      <c r="V306" s="312"/>
      <c r="W306" s="312"/>
      <c r="X306" s="313"/>
      <c r="Y306" s="195"/>
      <c r="Z306" s="196"/>
      <c r="AA306" s="196"/>
      <c r="AB306" s="197"/>
      <c r="AC306" s="356"/>
      <c r="AD306" s="356"/>
      <c r="AE306" s="356"/>
      <c r="AF306" s="356"/>
    </row>
    <row r="307" spans="1:32" ht="18.75" customHeight="1" x14ac:dyDescent="0.15">
      <c r="A307" s="108"/>
      <c r="B307" s="245"/>
      <c r="C307" s="162"/>
      <c r="D307" s="153"/>
      <c r="E307" s="175"/>
      <c r="F307" s="256"/>
      <c r="G307" s="175"/>
      <c r="H307" s="372" t="s">
        <v>111</v>
      </c>
      <c r="I307" s="228" t="s">
        <v>363</v>
      </c>
      <c r="J307" s="109" t="s">
        <v>282</v>
      </c>
      <c r="K307" s="181"/>
      <c r="L307" s="257"/>
      <c r="M307" s="229" t="s">
        <v>363</v>
      </c>
      <c r="N307" s="109" t="s">
        <v>306</v>
      </c>
      <c r="O307" s="154"/>
      <c r="P307" s="154"/>
      <c r="Q307" s="229" t="s">
        <v>363</v>
      </c>
      <c r="R307" s="109" t="s">
        <v>307</v>
      </c>
      <c r="S307" s="154"/>
      <c r="T307" s="154"/>
      <c r="U307" s="229" t="s">
        <v>363</v>
      </c>
      <c r="V307" s="109" t="s">
        <v>308</v>
      </c>
      <c r="W307" s="154"/>
      <c r="X307" s="155"/>
      <c r="Y307" s="228" t="s">
        <v>363</v>
      </c>
      <c r="Z307" s="109" t="s">
        <v>249</v>
      </c>
      <c r="AA307" s="109"/>
      <c r="AB307" s="194"/>
      <c r="AC307" s="352"/>
      <c r="AD307" s="352"/>
      <c r="AE307" s="352"/>
      <c r="AF307" s="352"/>
    </row>
    <row r="308" spans="1:32" s="161" customFormat="1" ht="18.75" customHeight="1" x14ac:dyDescent="0.15">
      <c r="A308" s="213"/>
      <c r="B308" s="205"/>
      <c r="C308" s="163"/>
      <c r="D308" s="170"/>
      <c r="E308" s="150"/>
      <c r="F308" s="258"/>
      <c r="G308" s="150"/>
      <c r="H308" s="358"/>
      <c r="I308" s="241" t="s">
        <v>363</v>
      </c>
      <c r="J308" s="188" t="s">
        <v>309</v>
      </c>
      <c r="K308" s="190"/>
      <c r="L308" s="203"/>
      <c r="M308" s="243" t="s">
        <v>363</v>
      </c>
      <c r="N308" s="188" t="s">
        <v>283</v>
      </c>
      <c r="O308" s="237"/>
      <c r="P308" s="237"/>
      <c r="Q308" s="237"/>
      <c r="R308" s="237"/>
      <c r="S308" s="237"/>
      <c r="T308" s="237"/>
      <c r="U308" s="237"/>
      <c r="V308" s="237"/>
      <c r="W308" s="237"/>
      <c r="X308" s="204"/>
      <c r="Y308" s="214" t="s">
        <v>363</v>
      </c>
      <c r="Z308" s="143" t="s">
        <v>253</v>
      </c>
      <c r="AA308" s="138"/>
      <c r="AB308" s="141"/>
      <c r="AC308" s="353"/>
      <c r="AD308" s="353"/>
      <c r="AE308" s="353"/>
      <c r="AF308" s="353"/>
    </row>
    <row r="309" spans="1:32" ht="18.75" customHeight="1" x14ac:dyDescent="0.15">
      <c r="A309" s="213"/>
      <c r="B309" s="205"/>
      <c r="C309" s="163"/>
      <c r="D309" s="170"/>
      <c r="E309" s="150"/>
      <c r="F309" s="258"/>
      <c r="G309" s="150"/>
      <c r="H309" s="357" t="s">
        <v>198</v>
      </c>
      <c r="I309" s="240" t="s">
        <v>363</v>
      </c>
      <c r="J309" s="186" t="s">
        <v>250</v>
      </c>
      <c r="K309" s="186"/>
      <c r="L309" s="200"/>
      <c r="M309" s="242" t="s">
        <v>363</v>
      </c>
      <c r="N309" s="186" t="s">
        <v>274</v>
      </c>
      <c r="O309" s="186"/>
      <c r="P309" s="200"/>
      <c r="Q309" s="242" t="s">
        <v>363</v>
      </c>
      <c r="R309" s="238" t="s">
        <v>356</v>
      </c>
      <c r="S309" s="238"/>
      <c r="T309" s="238"/>
      <c r="U309" s="176"/>
      <c r="V309" s="200"/>
      <c r="W309" s="238"/>
      <c r="X309" s="177"/>
      <c r="Y309" s="140"/>
      <c r="Z309" s="138"/>
      <c r="AA309" s="138"/>
      <c r="AB309" s="141"/>
      <c r="AC309" s="354"/>
      <c r="AD309" s="354"/>
      <c r="AE309" s="354"/>
      <c r="AF309" s="354"/>
    </row>
    <row r="310" spans="1:32" s="161" customFormat="1" ht="18.75" customHeight="1" x14ac:dyDescent="0.15">
      <c r="A310" s="213"/>
      <c r="B310" s="205"/>
      <c r="C310" s="163"/>
      <c r="D310" s="170"/>
      <c r="E310" s="150"/>
      <c r="F310" s="258"/>
      <c r="G310" s="150"/>
      <c r="H310" s="358"/>
      <c r="I310" s="241" t="s">
        <v>363</v>
      </c>
      <c r="J310" s="237" t="s">
        <v>357</v>
      </c>
      <c r="K310" s="237"/>
      <c r="L310" s="237"/>
      <c r="M310" s="243" t="s">
        <v>363</v>
      </c>
      <c r="N310" s="237" t="s">
        <v>358</v>
      </c>
      <c r="O310" s="203"/>
      <c r="P310" s="237"/>
      <c r="Q310" s="237"/>
      <c r="R310" s="203"/>
      <c r="S310" s="237"/>
      <c r="T310" s="237"/>
      <c r="U310" s="178"/>
      <c r="V310" s="203"/>
      <c r="W310" s="237"/>
      <c r="X310" s="179"/>
      <c r="Y310" s="140"/>
      <c r="Z310" s="138"/>
      <c r="AA310" s="138"/>
      <c r="AB310" s="141"/>
      <c r="AC310" s="354"/>
      <c r="AD310" s="354"/>
      <c r="AE310" s="354"/>
      <c r="AF310" s="354"/>
    </row>
    <row r="311" spans="1:32" ht="18.75" customHeight="1" x14ac:dyDescent="0.15">
      <c r="A311" s="213"/>
      <c r="B311" s="205"/>
      <c r="C311" s="163"/>
      <c r="D311" s="170"/>
      <c r="E311" s="150"/>
      <c r="F311" s="258"/>
      <c r="G311" s="150"/>
      <c r="H311" s="252" t="s">
        <v>112</v>
      </c>
      <c r="I311" s="220" t="s">
        <v>363</v>
      </c>
      <c r="J311" s="184" t="s">
        <v>261</v>
      </c>
      <c r="K311" s="182"/>
      <c r="L311" s="212"/>
      <c r="M311" s="221" t="s">
        <v>363</v>
      </c>
      <c r="N311" s="184" t="s">
        <v>262</v>
      </c>
      <c r="O311" s="166"/>
      <c r="P311" s="166"/>
      <c r="Q311" s="166"/>
      <c r="R311" s="166"/>
      <c r="S311" s="166"/>
      <c r="T311" s="166"/>
      <c r="U311" s="166"/>
      <c r="V311" s="166"/>
      <c r="W311" s="166"/>
      <c r="X311" s="211"/>
      <c r="Y311" s="140"/>
      <c r="Z311" s="138"/>
      <c r="AA311" s="138"/>
      <c r="AB311" s="141"/>
      <c r="AC311" s="354"/>
      <c r="AD311" s="354"/>
      <c r="AE311" s="354"/>
      <c r="AF311" s="354"/>
    </row>
    <row r="312" spans="1:32" ht="18.75" customHeight="1" x14ac:dyDescent="0.15">
      <c r="A312" s="213"/>
      <c r="B312" s="205"/>
      <c r="C312" s="163"/>
      <c r="D312" s="170"/>
      <c r="E312" s="150"/>
      <c r="F312" s="258"/>
      <c r="G312" s="150"/>
      <c r="H312" s="252" t="s">
        <v>183</v>
      </c>
      <c r="I312" s="220" t="s">
        <v>363</v>
      </c>
      <c r="J312" s="184" t="s">
        <v>282</v>
      </c>
      <c r="K312" s="182"/>
      <c r="L312" s="212"/>
      <c r="M312" s="221" t="s">
        <v>363</v>
      </c>
      <c r="N312" s="184" t="s">
        <v>310</v>
      </c>
      <c r="O312" s="166"/>
      <c r="P312" s="166"/>
      <c r="Q312" s="166"/>
      <c r="R312" s="166"/>
      <c r="S312" s="166"/>
      <c r="T312" s="166"/>
      <c r="U312" s="166"/>
      <c r="V312" s="166"/>
      <c r="W312" s="166"/>
      <c r="X312" s="211"/>
      <c r="Y312" s="140"/>
      <c r="Z312" s="138"/>
      <c r="AA312" s="138"/>
      <c r="AB312" s="141"/>
      <c r="AC312" s="354"/>
      <c r="AD312" s="354"/>
      <c r="AE312" s="354"/>
      <c r="AF312" s="354"/>
    </row>
    <row r="313" spans="1:32" ht="18.75" customHeight="1" x14ac:dyDescent="0.15">
      <c r="A313" s="213"/>
      <c r="B313" s="205"/>
      <c r="C313" s="163"/>
      <c r="D313" s="170"/>
      <c r="E313" s="150"/>
      <c r="F313" s="258"/>
      <c r="G313" s="150"/>
      <c r="H313" s="252" t="s">
        <v>184</v>
      </c>
      <c r="I313" s="220" t="s">
        <v>363</v>
      </c>
      <c r="J313" s="184" t="s">
        <v>282</v>
      </c>
      <c r="K313" s="182"/>
      <c r="L313" s="212"/>
      <c r="M313" s="221" t="s">
        <v>363</v>
      </c>
      <c r="N313" s="184" t="s">
        <v>310</v>
      </c>
      <c r="O313" s="166"/>
      <c r="P313" s="166"/>
      <c r="Q313" s="166"/>
      <c r="R313" s="166"/>
      <c r="S313" s="166"/>
      <c r="T313" s="166"/>
      <c r="U313" s="166"/>
      <c r="V313" s="166"/>
      <c r="W313" s="166"/>
      <c r="X313" s="211"/>
      <c r="Y313" s="140"/>
      <c r="Z313" s="138"/>
      <c r="AA313" s="138"/>
      <c r="AB313" s="141"/>
      <c r="AC313" s="354"/>
      <c r="AD313" s="354"/>
      <c r="AE313" s="354"/>
      <c r="AF313" s="354"/>
    </row>
    <row r="314" spans="1:32" ht="18.75" customHeight="1" x14ac:dyDescent="0.15">
      <c r="A314" s="213"/>
      <c r="B314" s="205"/>
      <c r="C314" s="163"/>
      <c r="D314" s="170"/>
      <c r="E314" s="150"/>
      <c r="F314" s="258"/>
      <c r="G314" s="150"/>
      <c r="H314" s="252" t="s">
        <v>133</v>
      </c>
      <c r="I314" s="220" t="s">
        <v>363</v>
      </c>
      <c r="J314" s="184" t="s">
        <v>250</v>
      </c>
      <c r="K314" s="182"/>
      <c r="L314" s="221" t="s">
        <v>363</v>
      </c>
      <c r="M314" s="184" t="s">
        <v>263</v>
      </c>
      <c r="N314" s="166"/>
      <c r="O314" s="166"/>
      <c r="P314" s="166"/>
      <c r="Q314" s="166"/>
      <c r="R314" s="166"/>
      <c r="S314" s="166"/>
      <c r="T314" s="166"/>
      <c r="U314" s="166"/>
      <c r="V314" s="166"/>
      <c r="W314" s="166"/>
      <c r="X314" s="211"/>
      <c r="Y314" s="140"/>
      <c r="Z314" s="138"/>
      <c r="AA314" s="138"/>
      <c r="AB314" s="141"/>
      <c r="AC314" s="354"/>
      <c r="AD314" s="354"/>
      <c r="AE314" s="354"/>
      <c r="AF314" s="354"/>
    </row>
    <row r="315" spans="1:32" ht="18.75" customHeight="1" x14ac:dyDescent="0.15">
      <c r="A315" s="213"/>
      <c r="B315" s="205"/>
      <c r="C315" s="163"/>
      <c r="D315" s="170"/>
      <c r="E315" s="150"/>
      <c r="F315" s="258"/>
      <c r="G315" s="150"/>
      <c r="H315" s="252" t="s">
        <v>110</v>
      </c>
      <c r="I315" s="220" t="s">
        <v>363</v>
      </c>
      <c r="J315" s="184" t="s">
        <v>261</v>
      </c>
      <c r="K315" s="182"/>
      <c r="L315" s="212"/>
      <c r="M315" s="221" t="s">
        <v>363</v>
      </c>
      <c r="N315" s="184" t="s">
        <v>262</v>
      </c>
      <c r="O315" s="166"/>
      <c r="P315" s="166"/>
      <c r="Q315" s="166"/>
      <c r="R315" s="166"/>
      <c r="S315" s="166"/>
      <c r="T315" s="166"/>
      <c r="U315" s="166"/>
      <c r="V315" s="166"/>
      <c r="W315" s="166"/>
      <c r="X315" s="211"/>
      <c r="Y315" s="140"/>
      <c r="Z315" s="138"/>
      <c r="AA315" s="138"/>
      <c r="AB315" s="141"/>
      <c r="AC315" s="354"/>
      <c r="AD315" s="354"/>
      <c r="AE315" s="354"/>
      <c r="AF315" s="354"/>
    </row>
    <row r="316" spans="1:32" ht="18.75" customHeight="1" x14ac:dyDescent="0.15">
      <c r="A316" s="213"/>
      <c r="B316" s="205"/>
      <c r="C316" s="163"/>
      <c r="D316" s="230" t="s">
        <v>363</v>
      </c>
      <c r="E316" s="150" t="s">
        <v>205</v>
      </c>
      <c r="F316" s="258"/>
      <c r="G316" s="150"/>
      <c r="H316" s="252" t="s">
        <v>126</v>
      </c>
      <c r="I316" s="220" t="s">
        <v>363</v>
      </c>
      <c r="J316" s="184" t="s">
        <v>250</v>
      </c>
      <c r="K316" s="182"/>
      <c r="L316" s="221" t="s">
        <v>363</v>
      </c>
      <c r="M316" s="184" t="s">
        <v>263</v>
      </c>
      <c r="N316" s="166"/>
      <c r="O316" s="166"/>
      <c r="P316" s="166"/>
      <c r="Q316" s="166"/>
      <c r="R316" s="166"/>
      <c r="S316" s="166"/>
      <c r="T316" s="166"/>
      <c r="U316" s="166"/>
      <c r="V316" s="166"/>
      <c r="W316" s="166"/>
      <c r="X316" s="211"/>
      <c r="Y316" s="140"/>
      <c r="Z316" s="138"/>
      <c r="AA316" s="138"/>
      <c r="AB316" s="141"/>
      <c r="AC316" s="354"/>
      <c r="AD316" s="354"/>
      <c r="AE316" s="354"/>
      <c r="AF316" s="354"/>
    </row>
    <row r="317" spans="1:32" ht="18.75" customHeight="1" x14ac:dyDescent="0.15">
      <c r="A317" s="213"/>
      <c r="B317" s="205"/>
      <c r="C317" s="163"/>
      <c r="D317" s="170"/>
      <c r="E317" s="150"/>
      <c r="F317" s="258"/>
      <c r="G317" s="150"/>
      <c r="H317" s="252" t="s">
        <v>129</v>
      </c>
      <c r="I317" s="220" t="s">
        <v>363</v>
      </c>
      <c r="J317" s="184" t="s">
        <v>250</v>
      </c>
      <c r="K317" s="184"/>
      <c r="L317" s="221" t="s">
        <v>363</v>
      </c>
      <c r="M317" s="184" t="s">
        <v>251</v>
      </c>
      <c r="N317" s="184"/>
      <c r="O317" s="221" t="s">
        <v>363</v>
      </c>
      <c r="P317" s="184" t="s">
        <v>252</v>
      </c>
      <c r="Q317" s="166"/>
      <c r="R317" s="166"/>
      <c r="S317" s="166"/>
      <c r="T317" s="166"/>
      <c r="U317" s="166"/>
      <c r="V317" s="166"/>
      <c r="W317" s="166"/>
      <c r="X317" s="211"/>
      <c r="Y317" s="140"/>
      <c r="Z317" s="138"/>
      <c r="AA317" s="138"/>
      <c r="AB317" s="141"/>
      <c r="AC317" s="354"/>
      <c r="AD317" s="354"/>
      <c r="AE317" s="354"/>
      <c r="AF317" s="354"/>
    </row>
    <row r="318" spans="1:32" ht="18.75" customHeight="1" x14ac:dyDescent="0.15">
      <c r="A318" s="213"/>
      <c r="B318" s="205"/>
      <c r="C318" s="163"/>
      <c r="D318" s="170"/>
      <c r="E318" s="150"/>
      <c r="F318" s="258"/>
      <c r="G318" s="150"/>
      <c r="H318" s="357" t="s">
        <v>180</v>
      </c>
      <c r="I318" s="240" t="s">
        <v>363</v>
      </c>
      <c r="J318" s="186" t="s">
        <v>298</v>
      </c>
      <c r="K318" s="186"/>
      <c r="L318" s="176"/>
      <c r="M318" s="176"/>
      <c r="N318" s="176"/>
      <c r="O318" s="176"/>
      <c r="P318" s="242" t="s">
        <v>363</v>
      </c>
      <c r="Q318" s="186" t="s">
        <v>299</v>
      </c>
      <c r="R318" s="176"/>
      <c r="S318" s="176"/>
      <c r="T318" s="176"/>
      <c r="U318" s="176"/>
      <c r="V318" s="176"/>
      <c r="W318" s="176"/>
      <c r="X318" s="177"/>
      <c r="Y318" s="140"/>
      <c r="Z318" s="138"/>
      <c r="AA318" s="138"/>
      <c r="AB318" s="141"/>
      <c r="AC318" s="354"/>
      <c r="AD318" s="354"/>
      <c r="AE318" s="354"/>
      <c r="AF318" s="354"/>
    </row>
    <row r="319" spans="1:32" s="161" customFormat="1" ht="18.75" customHeight="1" x14ac:dyDescent="0.15">
      <c r="A319" s="213"/>
      <c r="B319" s="205"/>
      <c r="C319" s="163"/>
      <c r="D319" s="170"/>
      <c r="E319" s="150"/>
      <c r="F319" s="258"/>
      <c r="G319" s="150"/>
      <c r="H319" s="358"/>
      <c r="I319" s="241" t="s">
        <v>363</v>
      </c>
      <c r="J319" s="188" t="s">
        <v>312</v>
      </c>
      <c r="K319" s="178"/>
      <c r="L319" s="178"/>
      <c r="M319" s="178"/>
      <c r="N319" s="178"/>
      <c r="O319" s="178"/>
      <c r="P319" s="178"/>
      <c r="Q319" s="237"/>
      <c r="R319" s="178"/>
      <c r="S319" s="178"/>
      <c r="T319" s="178"/>
      <c r="U319" s="178"/>
      <c r="V319" s="178"/>
      <c r="W319" s="178"/>
      <c r="X319" s="179"/>
      <c r="Y319" s="140"/>
      <c r="Z319" s="138"/>
      <c r="AA319" s="138"/>
      <c r="AB319" s="141"/>
      <c r="AC319" s="354"/>
      <c r="AD319" s="354"/>
      <c r="AE319" s="354"/>
      <c r="AF319" s="354"/>
    </row>
    <row r="320" spans="1:32" ht="18.75" customHeight="1" x14ac:dyDescent="0.15">
      <c r="A320" s="213"/>
      <c r="B320" s="205"/>
      <c r="C320" s="163"/>
      <c r="D320" s="170"/>
      <c r="E320" s="150"/>
      <c r="F320" s="258"/>
      <c r="G320" s="150"/>
      <c r="H320" s="357" t="s">
        <v>116</v>
      </c>
      <c r="I320" s="240" t="s">
        <v>363</v>
      </c>
      <c r="J320" s="186" t="s">
        <v>313</v>
      </c>
      <c r="K320" s="192"/>
      <c r="L320" s="200"/>
      <c r="M320" s="242" t="s">
        <v>363</v>
      </c>
      <c r="N320" s="186" t="s">
        <v>314</v>
      </c>
      <c r="O320" s="176"/>
      <c r="P320" s="176"/>
      <c r="Q320" s="242" t="s">
        <v>363</v>
      </c>
      <c r="R320" s="186" t="s">
        <v>315</v>
      </c>
      <c r="S320" s="176"/>
      <c r="T320" s="176"/>
      <c r="U320" s="176"/>
      <c r="V320" s="176"/>
      <c r="W320" s="176"/>
      <c r="X320" s="177"/>
      <c r="Y320" s="140"/>
      <c r="Z320" s="138"/>
      <c r="AA320" s="138"/>
      <c r="AB320" s="141"/>
      <c r="AC320" s="354"/>
      <c r="AD320" s="354"/>
      <c r="AE320" s="354"/>
      <c r="AF320" s="354"/>
    </row>
    <row r="321" spans="1:32" s="161" customFormat="1" ht="18.75" customHeight="1" x14ac:dyDescent="0.15">
      <c r="A321" s="213"/>
      <c r="B321" s="205"/>
      <c r="C321" s="163"/>
      <c r="D321" s="170"/>
      <c r="E321" s="150"/>
      <c r="F321" s="258"/>
      <c r="G321" s="150"/>
      <c r="H321" s="358"/>
      <c r="I321" s="241" t="s">
        <v>363</v>
      </c>
      <c r="J321" s="188" t="s">
        <v>316</v>
      </c>
      <c r="K321" s="178"/>
      <c r="L321" s="178"/>
      <c r="M321" s="178"/>
      <c r="N321" s="178"/>
      <c r="O321" s="178"/>
      <c r="P321" s="178"/>
      <c r="Q321" s="243" t="s">
        <v>363</v>
      </c>
      <c r="R321" s="188" t="s">
        <v>317</v>
      </c>
      <c r="S321" s="237"/>
      <c r="T321" s="178"/>
      <c r="U321" s="178"/>
      <c r="V321" s="178"/>
      <c r="W321" s="178"/>
      <c r="X321" s="179"/>
      <c r="Y321" s="140"/>
      <c r="Z321" s="138"/>
      <c r="AA321" s="138"/>
      <c r="AB321" s="141"/>
      <c r="AC321" s="354"/>
      <c r="AD321" s="354"/>
      <c r="AE321" s="354"/>
      <c r="AF321" s="354"/>
    </row>
    <row r="322" spans="1:32" ht="18.75" customHeight="1" x14ac:dyDescent="0.15">
      <c r="A322" s="213"/>
      <c r="B322" s="205"/>
      <c r="C322" s="163"/>
      <c r="D322" s="170"/>
      <c r="E322" s="150"/>
      <c r="F322" s="258"/>
      <c r="G322" s="150"/>
      <c r="H322" s="252" t="s">
        <v>131</v>
      </c>
      <c r="I322" s="220" t="s">
        <v>363</v>
      </c>
      <c r="J322" s="184" t="s">
        <v>250</v>
      </c>
      <c r="K322" s="184"/>
      <c r="L322" s="221" t="s">
        <v>363</v>
      </c>
      <c r="M322" s="184" t="s">
        <v>256</v>
      </c>
      <c r="N322" s="184"/>
      <c r="O322" s="221" t="s">
        <v>363</v>
      </c>
      <c r="P322" s="184" t="s">
        <v>257</v>
      </c>
      <c r="Q322" s="239"/>
      <c r="R322" s="221" t="s">
        <v>363</v>
      </c>
      <c r="S322" s="184" t="s">
        <v>273</v>
      </c>
      <c r="T322" s="239"/>
      <c r="U322" s="239"/>
      <c r="V322" s="239"/>
      <c r="W322" s="239"/>
      <c r="X322" s="209"/>
      <c r="Y322" s="140"/>
      <c r="Z322" s="138"/>
      <c r="AA322" s="138"/>
      <c r="AB322" s="141"/>
      <c r="AC322" s="354"/>
      <c r="AD322" s="354"/>
      <c r="AE322" s="354"/>
      <c r="AF322" s="354"/>
    </row>
    <row r="323" spans="1:32" ht="18.75" customHeight="1" x14ac:dyDescent="0.15">
      <c r="A323" s="213"/>
      <c r="B323" s="205"/>
      <c r="C323" s="163"/>
      <c r="D323" s="170"/>
      <c r="E323" s="150"/>
      <c r="F323" s="258"/>
      <c r="G323" s="150"/>
      <c r="H323" s="359" t="s">
        <v>224</v>
      </c>
      <c r="I323" s="373" t="s">
        <v>363</v>
      </c>
      <c r="J323" s="374" t="s">
        <v>250</v>
      </c>
      <c r="K323" s="374"/>
      <c r="L323" s="375" t="s">
        <v>363</v>
      </c>
      <c r="M323" s="374" t="s">
        <v>263</v>
      </c>
      <c r="N323" s="374"/>
      <c r="O323" s="238"/>
      <c r="P323" s="238"/>
      <c r="Q323" s="238"/>
      <c r="R323" s="238"/>
      <c r="S323" s="238"/>
      <c r="T323" s="238"/>
      <c r="U323" s="238"/>
      <c r="V323" s="238"/>
      <c r="W323" s="238"/>
      <c r="X323" s="199"/>
      <c r="Y323" s="140"/>
      <c r="Z323" s="138"/>
      <c r="AA323" s="138"/>
      <c r="AB323" s="141"/>
      <c r="AC323" s="354"/>
      <c r="AD323" s="354"/>
      <c r="AE323" s="354"/>
      <c r="AF323" s="354"/>
    </row>
    <row r="324" spans="1:32" s="161" customFormat="1" ht="18.75" customHeight="1" x14ac:dyDescent="0.15">
      <c r="A324" s="230" t="s">
        <v>363</v>
      </c>
      <c r="B324" s="205" t="s">
        <v>375</v>
      </c>
      <c r="C324" s="163" t="s">
        <v>85</v>
      </c>
      <c r="D324" s="170"/>
      <c r="E324" s="150"/>
      <c r="F324" s="258"/>
      <c r="G324" s="150"/>
      <c r="H324" s="360"/>
      <c r="I324" s="373"/>
      <c r="J324" s="374"/>
      <c r="K324" s="374"/>
      <c r="L324" s="375"/>
      <c r="M324" s="374"/>
      <c r="N324" s="374"/>
      <c r="O324" s="237"/>
      <c r="P324" s="237"/>
      <c r="Q324" s="237"/>
      <c r="R324" s="237"/>
      <c r="S324" s="237"/>
      <c r="T324" s="237"/>
      <c r="U324" s="237"/>
      <c r="V324" s="237"/>
      <c r="W324" s="237"/>
      <c r="X324" s="204"/>
      <c r="Y324" s="140"/>
      <c r="Z324" s="138"/>
      <c r="AA324" s="138"/>
      <c r="AB324" s="141"/>
      <c r="AC324" s="354"/>
      <c r="AD324" s="354"/>
      <c r="AE324" s="354"/>
      <c r="AF324" s="354"/>
    </row>
    <row r="325" spans="1:32" ht="18.75" customHeight="1" x14ac:dyDescent="0.15">
      <c r="A325" s="213"/>
      <c r="B325" s="205"/>
      <c r="C325" s="163"/>
      <c r="D325" s="170"/>
      <c r="E325" s="150"/>
      <c r="F325" s="258"/>
      <c r="G325" s="150"/>
      <c r="H325" s="253" t="s">
        <v>135</v>
      </c>
      <c r="I325" s="220" t="s">
        <v>363</v>
      </c>
      <c r="J325" s="184" t="s">
        <v>250</v>
      </c>
      <c r="K325" s="184"/>
      <c r="L325" s="221" t="s">
        <v>363</v>
      </c>
      <c r="M325" s="184" t="s">
        <v>256</v>
      </c>
      <c r="N325" s="184"/>
      <c r="O325" s="221" t="s">
        <v>363</v>
      </c>
      <c r="P325" s="184" t="s">
        <v>257</v>
      </c>
      <c r="Q325" s="239"/>
      <c r="R325" s="221" t="s">
        <v>363</v>
      </c>
      <c r="S325" s="184" t="s">
        <v>258</v>
      </c>
      <c r="T325" s="166"/>
      <c r="U325" s="166"/>
      <c r="V325" s="166"/>
      <c r="W325" s="166"/>
      <c r="X325" s="211"/>
      <c r="Y325" s="140"/>
      <c r="Z325" s="138"/>
      <c r="AA325" s="138"/>
      <c r="AB325" s="141"/>
      <c r="AC325" s="354"/>
      <c r="AD325" s="354"/>
      <c r="AE325" s="354"/>
      <c r="AF325" s="354"/>
    </row>
    <row r="326" spans="1:32" s="307" customFormat="1" ht="18.75" customHeight="1" x14ac:dyDescent="0.15">
      <c r="A326" s="213"/>
      <c r="B326" s="205"/>
      <c r="C326" s="163"/>
      <c r="D326" s="170"/>
      <c r="E326" s="150"/>
      <c r="F326" s="308"/>
      <c r="G326" s="150"/>
      <c r="H326" s="301" t="s">
        <v>467</v>
      </c>
      <c r="I326" s="302" t="s">
        <v>363</v>
      </c>
      <c r="J326" s="186" t="s">
        <v>464</v>
      </c>
      <c r="K326" s="186"/>
      <c r="L326" s="304" t="s">
        <v>363</v>
      </c>
      <c r="M326" s="186" t="s">
        <v>465</v>
      </c>
      <c r="N326" s="186"/>
      <c r="O326" s="304" t="s">
        <v>363</v>
      </c>
      <c r="P326" s="186" t="s">
        <v>466</v>
      </c>
      <c r="Q326" s="303"/>
      <c r="R326" s="304"/>
      <c r="S326" s="186"/>
      <c r="T326" s="176"/>
      <c r="U326" s="176"/>
      <c r="V326" s="176"/>
      <c r="W326" s="176"/>
      <c r="X326" s="177"/>
      <c r="Y326" s="140"/>
      <c r="Z326" s="138"/>
      <c r="AA326" s="138"/>
      <c r="AB326" s="141"/>
      <c r="AC326" s="355"/>
      <c r="AD326" s="355"/>
      <c r="AE326" s="355"/>
      <c r="AF326" s="355"/>
    </row>
    <row r="327" spans="1:32" ht="18.75" customHeight="1" x14ac:dyDescent="0.15">
      <c r="A327" s="213"/>
      <c r="B327" s="205"/>
      <c r="C327" s="163"/>
      <c r="D327" s="156"/>
      <c r="E327" s="152"/>
      <c r="F327" s="254"/>
      <c r="G327" s="152"/>
      <c r="H327" s="316" t="s">
        <v>468</v>
      </c>
      <c r="I327" s="309" t="s">
        <v>363</v>
      </c>
      <c r="J327" s="310" t="s">
        <v>250</v>
      </c>
      <c r="K327" s="310"/>
      <c r="L327" s="311" t="s">
        <v>363</v>
      </c>
      <c r="M327" s="310" t="s">
        <v>263</v>
      </c>
      <c r="N327" s="310"/>
      <c r="O327" s="310"/>
      <c r="P327" s="310"/>
      <c r="Q327" s="312"/>
      <c r="R327" s="312"/>
      <c r="S327" s="312"/>
      <c r="T327" s="312"/>
      <c r="U327" s="312"/>
      <c r="V327" s="312"/>
      <c r="W327" s="312"/>
      <c r="X327" s="313"/>
      <c r="Y327" s="195"/>
      <c r="Z327" s="196"/>
      <c r="AA327" s="196"/>
      <c r="AB327" s="197"/>
      <c r="AC327" s="356"/>
      <c r="AD327" s="356"/>
      <c r="AE327" s="356"/>
      <c r="AF327" s="356"/>
    </row>
    <row r="328" spans="1:32" ht="18.75" customHeight="1" x14ac:dyDescent="0.15">
      <c r="A328" s="213"/>
      <c r="B328" s="205"/>
      <c r="C328" s="163"/>
      <c r="D328" s="153"/>
      <c r="E328" s="175"/>
      <c r="F328" s="256"/>
      <c r="G328" s="175"/>
      <c r="H328" s="372" t="s">
        <v>111</v>
      </c>
      <c r="I328" s="228" t="s">
        <v>363</v>
      </c>
      <c r="J328" s="109" t="s">
        <v>282</v>
      </c>
      <c r="K328" s="181"/>
      <c r="L328" s="257"/>
      <c r="M328" s="229" t="s">
        <v>363</v>
      </c>
      <c r="N328" s="109" t="s">
        <v>306</v>
      </c>
      <c r="O328" s="154"/>
      <c r="P328" s="154"/>
      <c r="Q328" s="229" t="s">
        <v>363</v>
      </c>
      <c r="R328" s="109" t="s">
        <v>307</v>
      </c>
      <c r="S328" s="154"/>
      <c r="T328" s="154"/>
      <c r="U328" s="229" t="s">
        <v>363</v>
      </c>
      <c r="V328" s="109" t="s">
        <v>308</v>
      </c>
      <c r="W328" s="154"/>
      <c r="X328" s="155"/>
      <c r="Y328" s="214" t="s">
        <v>363</v>
      </c>
      <c r="Z328" s="109" t="s">
        <v>249</v>
      </c>
      <c r="AA328" s="109"/>
      <c r="AB328" s="194"/>
      <c r="AC328" s="352"/>
      <c r="AD328" s="352"/>
      <c r="AE328" s="352"/>
      <c r="AF328" s="352"/>
    </row>
    <row r="329" spans="1:32" s="161" customFormat="1" ht="18.75" customHeight="1" x14ac:dyDescent="0.15">
      <c r="A329" s="213"/>
      <c r="B329" s="205"/>
      <c r="C329" s="163"/>
      <c r="D329" s="170"/>
      <c r="E329" s="150"/>
      <c r="F329" s="258"/>
      <c r="G329" s="150"/>
      <c r="H329" s="358"/>
      <c r="I329" s="241" t="s">
        <v>363</v>
      </c>
      <c r="J329" s="188" t="s">
        <v>309</v>
      </c>
      <c r="K329" s="190"/>
      <c r="L329" s="203"/>
      <c r="M329" s="243" t="s">
        <v>363</v>
      </c>
      <c r="N329" s="188" t="s">
        <v>283</v>
      </c>
      <c r="O329" s="237"/>
      <c r="P329" s="237"/>
      <c r="Q329" s="237"/>
      <c r="R329" s="237"/>
      <c r="S329" s="237"/>
      <c r="T329" s="237"/>
      <c r="U329" s="237"/>
      <c r="V329" s="237"/>
      <c r="W329" s="237"/>
      <c r="X329" s="204"/>
      <c r="Y329" s="214" t="s">
        <v>363</v>
      </c>
      <c r="Z329" s="143" t="s">
        <v>253</v>
      </c>
      <c r="AA329" s="138"/>
      <c r="AB329" s="141"/>
      <c r="AC329" s="353"/>
      <c r="AD329" s="353"/>
      <c r="AE329" s="353"/>
      <c r="AF329" s="353"/>
    </row>
    <row r="330" spans="1:32" ht="18.75" customHeight="1" x14ac:dyDescent="0.15">
      <c r="A330" s="213"/>
      <c r="B330" s="205"/>
      <c r="C330" s="163"/>
      <c r="D330" s="170"/>
      <c r="E330" s="150"/>
      <c r="F330" s="258"/>
      <c r="G330" s="150"/>
      <c r="H330" s="357" t="s">
        <v>109</v>
      </c>
      <c r="I330" s="240" t="s">
        <v>363</v>
      </c>
      <c r="J330" s="186" t="s">
        <v>250</v>
      </c>
      <c r="K330" s="186"/>
      <c r="L330" s="200"/>
      <c r="M330" s="242" t="s">
        <v>363</v>
      </c>
      <c r="N330" s="186" t="s">
        <v>274</v>
      </c>
      <c r="O330" s="186"/>
      <c r="P330" s="200"/>
      <c r="Q330" s="242" t="s">
        <v>363</v>
      </c>
      <c r="R330" s="238" t="s">
        <v>356</v>
      </c>
      <c r="S330" s="238"/>
      <c r="T330" s="238"/>
      <c r="U330" s="176"/>
      <c r="V330" s="200"/>
      <c r="W330" s="238"/>
      <c r="X330" s="177"/>
      <c r="Y330" s="140"/>
      <c r="Z330" s="138"/>
      <c r="AA330" s="138"/>
      <c r="AB330" s="141"/>
      <c r="AC330" s="354"/>
      <c r="AD330" s="354"/>
      <c r="AE330" s="354"/>
      <c r="AF330" s="354"/>
    </row>
    <row r="331" spans="1:32" s="161" customFormat="1" ht="18.75" customHeight="1" x14ac:dyDescent="0.15">
      <c r="A331" s="213"/>
      <c r="B331" s="205"/>
      <c r="C331" s="163"/>
      <c r="D331" s="170"/>
      <c r="E331" s="150"/>
      <c r="F331" s="258"/>
      <c r="G331" s="150"/>
      <c r="H331" s="358"/>
      <c r="I331" s="241" t="s">
        <v>363</v>
      </c>
      <c r="J331" s="237" t="s">
        <v>357</v>
      </c>
      <c r="K331" s="237"/>
      <c r="L331" s="237"/>
      <c r="M331" s="243" t="s">
        <v>363</v>
      </c>
      <c r="N331" s="237" t="s">
        <v>358</v>
      </c>
      <c r="O331" s="203"/>
      <c r="P331" s="237"/>
      <c r="Q331" s="237"/>
      <c r="R331" s="203"/>
      <c r="S331" s="237"/>
      <c r="T331" s="237"/>
      <c r="U331" s="178"/>
      <c r="V331" s="203"/>
      <c r="W331" s="237"/>
      <c r="X331" s="179"/>
      <c r="Y331" s="140"/>
      <c r="Z331" s="138"/>
      <c r="AA331" s="138"/>
      <c r="AB331" s="141"/>
      <c r="AC331" s="354"/>
      <c r="AD331" s="354"/>
      <c r="AE331" s="354"/>
      <c r="AF331" s="354"/>
    </row>
    <row r="332" spans="1:32" ht="18.75" customHeight="1" x14ac:dyDescent="0.15">
      <c r="A332" s="213"/>
      <c r="B332" s="205"/>
      <c r="C332" s="163"/>
      <c r="D332" s="170"/>
      <c r="E332" s="150"/>
      <c r="F332" s="258"/>
      <c r="G332" s="150"/>
      <c r="H332" s="252" t="s">
        <v>112</v>
      </c>
      <c r="I332" s="220" t="s">
        <v>363</v>
      </c>
      <c r="J332" s="184" t="s">
        <v>261</v>
      </c>
      <c r="K332" s="182"/>
      <c r="L332" s="212"/>
      <c r="M332" s="221" t="s">
        <v>363</v>
      </c>
      <c r="N332" s="184" t="s">
        <v>262</v>
      </c>
      <c r="O332" s="166"/>
      <c r="P332" s="166"/>
      <c r="Q332" s="166"/>
      <c r="R332" s="166"/>
      <c r="S332" s="166"/>
      <c r="T332" s="166"/>
      <c r="U332" s="166"/>
      <c r="V332" s="166"/>
      <c r="W332" s="166"/>
      <c r="X332" s="211"/>
      <c r="Y332" s="140"/>
      <c r="Z332" s="138"/>
      <c r="AA332" s="138"/>
      <c r="AB332" s="141"/>
      <c r="AC332" s="354"/>
      <c r="AD332" s="354"/>
      <c r="AE332" s="354"/>
      <c r="AF332" s="354"/>
    </row>
    <row r="333" spans="1:32" ht="18.75" customHeight="1" x14ac:dyDescent="0.15">
      <c r="A333" s="213"/>
      <c r="B333" s="205"/>
      <c r="C333" s="163"/>
      <c r="D333" s="170"/>
      <c r="E333" s="150"/>
      <c r="F333" s="258"/>
      <c r="G333" s="150"/>
      <c r="H333" s="252" t="s">
        <v>183</v>
      </c>
      <c r="I333" s="220" t="s">
        <v>363</v>
      </c>
      <c r="J333" s="184" t="s">
        <v>282</v>
      </c>
      <c r="K333" s="182"/>
      <c r="L333" s="212"/>
      <c r="M333" s="221" t="s">
        <v>363</v>
      </c>
      <c r="N333" s="184" t="s">
        <v>310</v>
      </c>
      <c r="O333" s="166"/>
      <c r="P333" s="166"/>
      <c r="Q333" s="166"/>
      <c r="R333" s="166"/>
      <c r="S333" s="166"/>
      <c r="T333" s="166"/>
      <c r="U333" s="166"/>
      <c r="V333" s="166"/>
      <c r="W333" s="166"/>
      <c r="X333" s="211"/>
      <c r="Y333" s="140"/>
      <c r="Z333" s="138"/>
      <c r="AA333" s="138"/>
      <c r="AB333" s="141"/>
      <c r="AC333" s="354"/>
      <c r="AD333" s="354"/>
      <c r="AE333" s="354"/>
      <c r="AF333" s="354"/>
    </row>
    <row r="334" spans="1:32" ht="18.75" customHeight="1" x14ac:dyDescent="0.15">
      <c r="A334" s="213"/>
      <c r="B334" s="205"/>
      <c r="C334" s="163"/>
      <c r="D334" s="170"/>
      <c r="E334" s="150"/>
      <c r="F334" s="258"/>
      <c r="G334" s="150"/>
      <c r="H334" s="252" t="s">
        <v>184</v>
      </c>
      <c r="I334" s="220" t="s">
        <v>363</v>
      </c>
      <c r="J334" s="184" t="s">
        <v>282</v>
      </c>
      <c r="K334" s="182"/>
      <c r="L334" s="212"/>
      <c r="M334" s="221" t="s">
        <v>363</v>
      </c>
      <c r="N334" s="184" t="s">
        <v>310</v>
      </c>
      <c r="O334" s="166"/>
      <c r="P334" s="166"/>
      <c r="Q334" s="166"/>
      <c r="R334" s="166"/>
      <c r="S334" s="166"/>
      <c r="T334" s="166"/>
      <c r="U334" s="166"/>
      <c r="V334" s="166"/>
      <c r="W334" s="166"/>
      <c r="X334" s="211"/>
      <c r="Y334" s="140"/>
      <c r="Z334" s="138"/>
      <c r="AA334" s="138"/>
      <c r="AB334" s="141"/>
      <c r="AC334" s="354"/>
      <c r="AD334" s="354"/>
      <c r="AE334" s="354"/>
      <c r="AF334" s="354"/>
    </row>
    <row r="335" spans="1:32" ht="18.75" customHeight="1" x14ac:dyDescent="0.15">
      <c r="A335" s="213"/>
      <c r="B335" s="205"/>
      <c r="C335" s="163"/>
      <c r="D335" s="230" t="s">
        <v>363</v>
      </c>
      <c r="E335" s="150" t="s">
        <v>362</v>
      </c>
      <c r="F335" s="230" t="s">
        <v>363</v>
      </c>
      <c r="G335" s="150" t="s">
        <v>361</v>
      </c>
      <c r="H335" s="252" t="s">
        <v>133</v>
      </c>
      <c r="I335" s="220" t="s">
        <v>363</v>
      </c>
      <c r="J335" s="184" t="s">
        <v>250</v>
      </c>
      <c r="K335" s="182"/>
      <c r="L335" s="221" t="s">
        <v>363</v>
      </c>
      <c r="M335" s="184" t="s">
        <v>263</v>
      </c>
      <c r="N335" s="166"/>
      <c r="O335" s="166"/>
      <c r="P335" s="166"/>
      <c r="Q335" s="166"/>
      <c r="R335" s="166"/>
      <c r="S335" s="166"/>
      <c r="T335" s="166"/>
      <c r="U335" s="166"/>
      <c r="V335" s="166"/>
      <c r="W335" s="166"/>
      <c r="X335" s="211"/>
      <c r="Y335" s="140"/>
      <c r="Z335" s="138"/>
      <c r="AA335" s="138"/>
      <c r="AB335" s="141"/>
      <c r="AC335" s="354"/>
      <c r="AD335" s="354"/>
      <c r="AE335" s="354"/>
      <c r="AF335" s="354"/>
    </row>
    <row r="336" spans="1:32" ht="18.75" customHeight="1" x14ac:dyDescent="0.15">
      <c r="A336" s="213"/>
      <c r="B336" s="205"/>
      <c r="C336" s="163"/>
      <c r="D336" s="170"/>
      <c r="E336" s="150"/>
      <c r="F336" s="230" t="s">
        <v>363</v>
      </c>
      <c r="G336" s="150" t="s">
        <v>341</v>
      </c>
      <c r="H336" s="252" t="s">
        <v>110</v>
      </c>
      <c r="I336" s="220" t="s">
        <v>363</v>
      </c>
      <c r="J336" s="184" t="s">
        <v>261</v>
      </c>
      <c r="K336" s="182"/>
      <c r="L336" s="212"/>
      <c r="M336" s="221" t="s">
        <v>363</v>
      </c>
      <c r="N336" s="184" t="s">
        <v>262</v>
      </c>
      <c r="O336" s="166"/>
      <c r="P336" s="166"/>
      <c r="Q336" s="166"/>
      <c r="R336" s="166"/>
      <c r="S336" s="166"/>
      <c r="T336" s="166"/>
      <c r="U336" s="166"/>
      <c r="V336" s="166"/>
      <c r="W336" s="166"/>
      <c r="X336" s="211"/>
      <c r="Y336" s="140"/>
      <c r="Z336" s="138"/>
      <c r="AA336" s="138"/>
      <c r="AB336" s="141"/>
      <c r="AC336" s="354"/>
      <c r="AD336" s="354"/>
      <c r="AE336" s="354"/>
      <c r="AF336" s="354"/>
    </row>
    <row r="337" spans="1:33" ht="18.75" customHeight="1" x14ac:dyDescent="0.15">
      <c r="A337" s="213"/>
      <c r="B337" s="205"/>
      <c r="C337" s="163"/>
      <c r="D337" s="170"/>
      <c r="E337" s="150"/>
      <c r="F337" s="258"/>
      <c r="G337" s="150"/>
      <c r="H337" s="252" t="s">
        <v>126</v>
      </c>
      <c r="I337" s="220" t="s">
        <v>363</v>
      </c>
      <c r="J337" s="184" t="s">
        <v>250</v>
      </c>
      <c r="K337" s="182"/>
      <c r="L337" s="221" t="s">
        <v>363</v>
      </c>
      <c r="M337" s="184" t="s">
        <v>263</v>
      </c>
      <c r="N337" s="166"/>
      <c r="O337" s="166"/>
      <c r="P337" s="166"/>
      <c r="Q337" s="166"/>
      <c r="R337" s="166"/>
      <c r="S337" s="166"/>
      <c r="T337" s="166"/>
      <c r="U337" s="166"/>
      <c r="V337" s="166"/>
      <c r="W337" s="166"/>
      <c r="X337" s="211"/>
      <c r="Y337" s="140"/>
      <c r="Z337" s="138"/>
      <c r="AA337" s="138"/>
      <c r="AB337" s="141"/>
      <c r="AC337" s="354"/>
      <c r="AD337" s="354"/>
      <c r="AE337" s="354"/>
      <c r="AF337" s="354"/>
    </row>
    <row r="338" spans="1:33" ht="18.75" customHeight="1" x14ac:dyDescent="0.15">
      <c r="A338" s="213"/>
      <c r="B338" s="205"/>
      <c r="C338" s="163"/>
      <c r="D338" s="170"/>
      <c r="E338" s="150"/>
      <c r="F338" s="258"/>
      <c r="G338" s="150"/>
      <c r="H338" s="252" t="s">
        <v>129</v>
      </c>
      <c r="I338" s="220" t="s">
        <v>363</v>
      </c>
      <c r="J338" s="184" t="s">
        <v>250</v>
      </c>
      <c r="K338" s="184"/>
      <c r="L338" s="221" t="s">
        <v>363</v>
      </c>
      <c r="M338" s="184" t="s">
        <v>251</v>
      </c>
      <c r="N338" s="184"/>
      <c r="O338" s="221" t="s">
        <v>363</v>
      </c>
      <c r="P338" s="184" t="s">
        <v>252</v>
      </c>
      <c r="Q338" s="166"/>
      <c r="R338" s="166"/>
      <c r="S338" s="166"/>
      <c r="T338" s="166"/>
      <c r="U338" s="166"/>
      <c r="V338" s="166"/>
      <c r="W338" s="166"/>
      <c r="X338" s="211"/>
      <c r="Y338" s="140"/>
      <c r="Z338" s="138"/>
      <c r="AA338" s="138"/>
      <c r="AB338" s="141"/>
      <c r="AC338" s="354"/>
      <c r="AD338" s="354"/>
      <c r="AE338" s="354"/>
      <c r="AF338" s="354"/>
    </row>
    <row r="339" spans="1:33" ht="18.75" customHeight="1" x14ac:dyDescent="0.15">
      <c r="A339" s="213"/>
      <c r="B339" s="205"/>
      <c r="C339" s="163"/>
      <c r="D339" s="170"/>
      <c r="E339" s="150"/>
      <c r="F339" s="258"/>
      <c r="G339" s="150"/>
      <c r="H339" s="252" t="s">
        <v>131</v>
      </c>
      <c r="I339" s="220" t="s">
        <v>363</v>
      </c>
      <c r="J339" s="184" t="s">
        <v>250</v>
      </c>
      <c r="K339" s="184"/>
      <c r="L339" s="221" t="s">
        <v>363</v>
      </c>
      <c r="M339" s="184" t="s">
        <v>256</v>
      </c>
      <c r="N339" s="184"/>
      <c r="O339" s="221" t="s">
        <v>363</v>
      </c>
      <c r="P339" s="184" t="s">
        <v>257</v>
      </c>
      <c r="Q339" s="239"/>
      <c r="R339" s="221" t="s">
        <v>363</v>
      </c>
      <c r="S339" s="184" t="s">
        <v>273</v>
      </c>
      <c r="T339" s="239"/>
      <c r="U339" s="239"/>
      <c r="V339" s="239"/>
      <c r="W339" s="239"/>
      <c r="X339" s="209"/>
      <c r="Y339" s="140"/>
      <c r="Z339" s="138"/>
      <c r="AA339" s="138"/>
      <c r="AB339" s="141"/>
      <c r="AC339" s="354"/>
      <c r="AD339" s="354"/>
      <c r="AE339" s="354"/>
      <c r="AF339" s="354"/>
    </row>
    <row r="340" spans="1:33" ht="18.75" customHeight="1" x14ac:dyDescent="0.15">
      <c r="A340" s="213"/>
      <c r="B340" s="205"/>
      <c r="C340" s="163"/>
      <c r="D340" s="170"/>
      <c r="E340" s="150"/>
      <c r="F340" s="258"/>
      <c r="G340" s="150"/>
      <c r="H340" s="359" t="s">
        <v>224</v>
      </c>
      <c r="I340" s="373" t="s">
        <v>363</v>
      </c>
      <c r="J340" s="374" t="s">
        <v>250</v>
      </c>
      <c r="K340" s="374"/>
      <c r="L340" s="375" t="s">
        <v>363</v>
      </c>
      <c r="M340" s="374" t="s">
        <v>263</v>
      </c>
      <c r="N340" s="374"/>
      <c r="O340" s="238"/>
      <c r="P340" s="238"/>
      <c r="Q340" s="238"/>
      <c r="R340" s="238"/>
      <c r="S340" s="238"/>
      <c r="T340" s="238"/>
      <c r="U340" s="238"/>
      <c r="V340" s="238"/>
      <c r="W340" s="238"/>
      <c r="X340" s="199"/>
      <c r="Y340" s="140"/>
      <c r="Z340" s="138"/>
      <c r="AA340" s="138"/>
      <c r="AB340" s="141"/>
      <c r="AC340" s="354"/>
      <c r="AD340" s="354"/>
      <c r="AE340" s="354"/>
      <c r="AF340" s="354"/>
    </row>
    <row r="341" spans="1:33" s="161" customFormat="1" ht="18.75" customHeight="1" x14ac:dyDescent="0.15">
      <c r="A341" s="213"/>
      <c r="B341" s="205"/>
      <c r="C341" s="163"/>
      <c r="D341" s="170"/>
      <c r="E341" s="150"/>
      <c r="F341" s="258"/>
      <c r="G341" s="150"/>
      <c r="H341" s="360"/>
      <c r="I341" s="373"/>
      <c r="J341" s="374"/>
      <c r="K341" s="374"/>
      <c r="L341" s="375"/>
      <c r="M341" s="374"/>
      <c r="N341" s="374"/>
      <c r="O341" s="237"/>
      <c r="P341" s="237"/>
      <c r="Q341" s="237"/>
      <c r="R341" s="237"/>
      <c r="S341" s="237"/>
      <c r="T341" s="237"/>
      <c r="U341" s="237"/>
      <c r="V341" s="237"/>
      <c r="W341" s="237"/>
      <c r="X341" s="204"/>
      <c r="Y341" s="140"/>
      <c r="Z341" s="138"/>
      <c r="AA341" s="138"/>
      <c r="AB341" s="141"/>
      <c r="AC341" s="354"/>
      <c r="AD341" s="354"/>
      <c r="AE341" s="354"/>
      <c r="AF341" s="354"/>
    </row>
    <row r="342" spans="1:33" ht="18.75" customHeight="1" x14ac:dyDescent="0.15">
      <c r="A342" s="213"/>
      <c r="B342" s="205"/>
      <c r="C342" s="163"/>
      <c r="D342" s="170"/>
      <c r="E342" s="150"/>
      <c r="F342" s="258"/>
      <c r="G342" s="150"/>
      <c r="H342" s="253" t="s">
        <v>135</v>
      </c>
      <c r="I342" s="220" t="s">
        <v>363</v>
      </c>
      <c r="J342" s="184" t="s">
        <v>250</v>
      </c>
      <c r="K342" s="184"/>
      <c r="L342" s="221" t="s">
        <v>363</v>
      </c>
      <c r="M342" s="184" t="s">
        <v>256</v>
      </c>
      <c r="N342" s="184"/>
      <c r="O342" s="221" t="s">
        <v>363</v>
      </c>
      <c r="P342" s="184" t="s">
        <v>257</v>
      </c>
      <c r="Q342" s="239"/>
      <c r="R342" s="221" t="s">
        <v>363</v>
      </c>
      <c r="S342" s="184" t="s">
        <v>258</v>
      </c>
      <c r="T342" s="166"/>
      <c r="U342" s="166"/>
      <c r="V342" s="166"/>
      <c r="W342" s="166"/>
      <c r="X342" s="211"/>
      <c r="Y342" s="140"/>
      <c r="Z342" s="138"/>
      <c r="AA342" s="138"/>
      <c r="AB342" s="141"/>
      <c r="AC342" s="354"/>
      <c r="AD342" s="354"/>
      <c r="AE342" s="354"/>
      <c r="AF342" s="354"/>
    </row>
    <row r="343" spans="1:33" s="307" customFormat="1" ht="18.75" customHeight="1" x14ac:dyDescent="0.15">
      <c r="A343" s="213"/>
      <c r="B343" s="205"/>
      <c r="C343" s="163"/>
      <c r="D343" s="170"/>
      <c r="E343" s="150"/>
      <c r="F343" s="308"/>
      <c r="G343" s="150"/>
      <c r="H343" s="301" t="s">
        <v>467</v>
      </c>
      <c r="I343" s="302" t="s">
        <v>363</v>
      </c>
      <c r="J343" s="186" t="s">
        <v>464</v>
      </c>
      <c r="K343" s="186"/>
      <c r="L343" s="304" t="s">
        <v>363</v>
      </c>
      <c r="M343" s="186" t="s">
        <v>465</v>
      </c>
      <c r="N343" s="186"/>
      <c r="O343" s="304" t="s">
        <v>363</v>
      </c>
      <c r="P343" s="186" t="s">
        <v>466</v>
      </c>
      <c r="Q343" s="303"/>
      <c r="R343" s="304"/>
      <c r="S343" s="186"/>
      <c r="T343" s="176"/>
      <c r="U343" s="176"/>
      <c r="V343" s="176"/>
      <c r="W343" s="176"/>
      <c r="X343" s="177"/>
      <c r="Y343" s="140"/>
      <c r="Z343" s="138"/>
      <c r="AA343" s="138"/>
      <c r="AB343" s="141"/>
      <c r="AC343" s="355"/>
      <c r="AD343" s="355"/>
      <c r="AE343" s="355"/>
      <c r="AF343" s="355"/>
    </row>
    <row r="344" spans="1:33" ht="18.75" customHeight="1" x14ac:dyDescent="0.15">
      <c r="A344" s="215"/>
      <c r="B344" s="247"/>
      <c r="C344" s="164"/>
      <c r="D344" s="156"/>
      <c r="E344" s="152"/>
      <c r="F344" s="254"/>
      <c r="G344" s="152"/>
      <c r="H344" s="316" t="s">
        <v>468</v>
      </c>
      <c r="I344" s="309" t="s">
        <v>363</v>
      </c>
      <c r="J344" s="310" t="s">
        <v>250</v>
      </c>
      <c r="K344" s="310"/>
      <c r="L344" s="311" t="s">
        <v>363</v>
      </c>
      <c r="M344" s="310" t="s">
        <v>263</v>
      </c>
      <c r="N344" s="310"/>
      <c r="O344" s="310"/>
      <c r="P344" s="310"/>
      <c r="Q344" s="312"/>
      <c r="R344" s="312"/>
      <c r="S344" s="312"/>
      <c r="T344" s="312"/>
      <c r="U344" s="312"/>
      <c r="V344" s="312"/>
      <c r="W344" s="312"/>
      <c r="X344" s="313"/>
      <c r="Y344" s="195"/>
      <c r="Z344" s="196"/>
      <c r="AA344" s="196"/>
      <c r="AB344" s="197"/>
      <c r="AC344" s="356"/>
      <c r="AD344" s="356"/>
      <c r="AE344" s="356"/>
      <c r="AF344" s="356"/>
    </row>
    <row r="345" spans="1:33" ht="18.75" customHeight="1" x14ac:dyDescent="0.15">
      <c r="A345" s="108"/>
      <c r="B345" s="245"/>
      <c r="C345" s="248"/>
      <c r="D345" s="256"/>
      <c r="E345" s="175"/>
      <c r="F345" s="256"/>
      <c r="G345" s="175"/>
      <c r="H345" s="207" t="s">
        <v>109</v>
      </c>
      <c r="I345" s="223" t="s">
        <v>363</v>
      </c>
      <c r="J345" s="180" t="s">
        <v>250</v>
      </c>
      <c r="K345" s="180"/>
      <c r="L345" s="255"/>
      <c r="M345" s="225" t="s">
        <v>363</v>
      </c>
      <c r="N345" s="180" t="s">
        <v>271</v>
      </c>
      <c r="O345" s="180"/>
      <c r="P345" s="255"/>
      <c r="Q345" s="225" t="s">
        <v>363</v>
      </c>
      <c r="R345" s="169" t="s">
        <v>272</v>
      </c>
      <c r="S345" s="169"/>
      <c r="T345" s="224"/>
      <c r="U345" s="224"/>
      <c r="V345" s="224"/>
      <c r="W345" s="224"/>
      <c r="X345" s="232"/>
      <c r="Y345" s="228" t="s">
        <v>363</v>
      </c>
      <c r="Z345" s="109" t="s">
        <v>249</v>
      </c>
      <c r="AA345" s="109"/>
      <c r="AB345" s="194"/>
      <c r="AC345" s="229" t="s">
        <v>363</v>
      </c>
      <c r="AD345" s="109" t="s">
        <v>249</v>
      </c>
      <c r="AE345" s="109"/>
      <c r="AF345" s="194"/>
      <c r="AG345" s="100"/>
    </row>
    <row r="346" spans="1:33" ht="18.75" customHeight="1" x14ac:dyDescent="0.15">
      <c r="A346" s="213"/>
      <c r="B346" s="205"/>
      <c r="C346" s="249"/>
      <c r="D346" s="258"/>
      <c r="E346" s="150"/>
      <c r="F346" s="258"/>
      <c r="G346" s="150"/>
      <c r="H346" s="208" t="s">
        <v>206</v>
      </c>
      <c r="I346" s="220" t="s">
        <v>363</v>
      </c>
      <c r="J346" s="184" t="s">
        <v>367</v>
      </c>
      <c r="K346" s="182"/>
      <c r="L346" s="212"/>
      <c r="M346" s="221" t="s">
        <v>363</v>
      </c>
      <c r="N346" s="184" t="s">
        <v>368</v>
      </c>
      <c r="O346" s="166"/>
      <c r="P346" s="166"/>
      <c r="Q346" s="184"/>
      <c r="R346" s="184"/>
      <c r="S346" s="184"/>
      <c r="T346" s="184"/>
      <c r="U346" s="184"/>
      <c r="V346" s="184"/>
      <c r="W346" s="184"/>
      <c r="X346" s="185"/>
      <c r="Y346" s="214" t="s">
        <v>363</v>
      </c>
      <c r="Z346" s="143" t="s">
        <v>253</v>
      </c>
      <c r="AA346" s="138"/>
      <c r="AB346" s="141"/>
      <c r="AC346" s="214" t="s">
        <v>363</v>
      </c>
      <c r="AD346" s="143" t="s">
        <v>253</v>
      </c>
      <c r="AE346" s="138"/>
      <c r="AF346" s="141"/>
    </row>
    <row r="347" spans="1:33" ht="18.75" customHeight="1" x14ac:dyDescent="0.15">
      <c r="A347" s="213"/>
      <c r="B347" s="205"/>
      <c r="C347" s="249"/>
      <c r="D347" s="258"/>
      <c r="E347" s="150"/>
      <c r="F347" s="258"/>
      <c r="G347" s="150"/>
      <c r="H347" s="253" t="s">
        <v>200</v>
      </c>
      <c r="I347" s="220" t="s">
        <v>363</v>
      </c>
      <c r="J347" s="184" t="s">
        <v>250</v>
      </c>
      <c r="K347" s="184"/>
      <c r="L347" s="221" t="s">
        <v>363</v>
      </c>
      <c r="M347" s="184" t="s">
        <v>264</v>
      </c>
      <c r="N347" s="184"/>
      <c r="O347" s="221" t="s">
        <v>363</v>
      </c>
      <c r="P347" s="184" t="s">
        <v>265</v>
      </c>
      <c r="Q347" s="184"/>
      <c r="R347" s="184"/>
      <c r="S347" s="184"/>
      <c r="T347" s="184"/>
      <c r="U347" s="184"/>
      <c r="V347" s="184"/>
      <c r="W347" s="184"/>
      <c r="X347" s="185"/>
      <c r="Y347" s="140"/>
      <c r="Z347" s="138"/>
      <c r="AA347" s="138"/>
      <c r="AB347" s="141"/>
      <c r="AC347" s="140"/>
      <c r="AD347" s="138"/>
      <c r="AE347" s="138"/>
      <c r="AF347" s="141"/>
    </row>
    <row r="348" spans="1:33" ht="18.75" customHeight="1" x14ac:dyDescent="0.15">
      <c r="A348" s="213"/>
      <c r="B348" s="205"/>
      <c r="C348" s="249"/>
      <c r="D348" s="258"/>
      <c r="E348" s="150"/>
      <c r="F348" s="258"/>
      <c r="G348" s="150"/>
      <c r="H348" s="253" t="s">
        <v>231</v>
      </c>
      <c r="I348" s="220" t="s">
        <v>363</v>
      </c>
      <c r="J348" s="184" t="s">
        <v>250</v>
      </c>
      <c r="K348" s="182"/>
      <c r="L348" s="221" t="s">
        <v>363</v>
      </c>
      <c r="M348" s="184" t="s">
        <v>263</v>
      </c>
      <c r="N348" s="184"/>
      <c r="O348" s="184"/>
      <c r="P348" s="184"/>
      <c r="Q348" s="184"/>
      <c r="R348" s="184"/>
      <c r="S348" s="184"/>
      <c r="T348" s="184"/>
      <c r="U348" s="184"/>
      <c r="V348" s="184"/>
      <c r="W348" s="184"/>
      <c r="X348" s="185"/>
      <c r="Y348" s="140"/>
      <c r="Z348" s="138"/>
      <c r="AA348" s="138"/>
      <c r="AB348" s="141"/>
      <c r="AC348" s="140"/>
      <c r="AD348" s="138"/>
      <c r="AE348" s="138"/>
      <c r="AF348" s="141"/>
      <c r="AG348" s="100"/>
    </row>
    <row r="349" spans="1:33" ht="18.75" customHeight="1" x14ac:dyDescent="0.15">
      <c r="A349" s="230" t="s">
        <v>363</v>
      </c>
      <c r="B349" s="205">
        <v>35</v>
      </c>
      <c r="C349" s="249" t="s">
        <v>381</v>
      </c>
      <c r="D349" s="230" t="s">
        <v>363</v>
      </c>
      <c r="E349" s="150" t="s">
        <v>378</v>
      </c>
      <c r="F349" s="230" t="s">
        <v>363</v>
      </c>
      <c r="G349" s="150" t="s">
        <v>364</v>
      </c>
      <c r="H349" s="208" t="s">
        <v>207</v>
      </c>
      <c r="I349" s="220" t="s">
        <v>363</v>
      </c>
      <c r="J349" s="184" t="s">
        <v>250</v>
      </c>
      <c r="K349" s="182"/>
      <c r="L349" s="221" t="s">
        <v>363</v>
      </c>
      <c r="M349" s="184" t="s">
        <v>263</v>
      </c>
      <c r="N349" s="184"/>
      <c r="O349" s="184"/>
      <c r="P349" s="184"/>
      <c r="Q349" s="184"/>
      <c r="R349" s="184"/>
      <c r="S349" s="184"/>
      <c r="T349" s="184"/>
      <c r="U349" s="184"/>
      <c r="V349" s="184"/>
      <c r="W349" s="184"/>
      <c r="X349" s="185"/>
      <c r="Y349" s="140"/>
      <c r="Z349" s="138"/>
      <c r="AA349" s="138"/>
      <c r="AB349" s="141"/>
      <c r="AC349" s="140"/>
      <c r="AD349" s="138"/>
      <c r="AE349" s="138"/>
      <c r="AF349" s="141"/>
    </row>
    <row r="350" spans="1:33" ht="18.75" customHeight="1" x14ac:dyDescent="0.15">
      <c r="A350" s="213"/>
      <c r="B350" s="205"/>
      <c r="C350" s="249" t="s">
        <v>382</v>
      </c>
      <c r="D350" s="230" t="s">
        <v>363</v>
      </c>
      <c r="E350" s="150" t="s">
        <v>379</v>
      </c>
      <c r="F350" s="230" t="s">
        <v>363</v>
      </c>
      <c r="G350" s="150" t="s">
        <v>365</v>
      </c>
      <c r="H350" s="253" t="s">
        <v>215</v>
      </c>
      <c r="I350" s="220" t="s">
        <v>363</v>
      </c>
      <c r="J350" s="184" t="s">
        <v>250</v>
      </c>
      <c r="K350" s="182"/>
      <c r="L350" s="221" t="s">
        <v>363</v>
      </c>
      <c r="M350" s="184" t="s">
        <v>263</v>
      </c>
      <c r="N350" s="184"/>
      <c r="O350" s="184"/>
      <c r="P350" s="184"/>
      <c r="Q350" s="184"/>
      <c r="R350" s="184"/>
      <c r="S350" s="184"/>
      <c r="T350" s="184"/>
      <c r="U350" s="184"/>
      <c r="V350" s="184"/>
      <c r="W350" s="184"/>
      <c r="X350" s="185"/>
      <c r="Y350" s="140"/>
      <c r="Z350" s="138"/>
      <c r="AA350" s="138"/>
      <c r="AB350" s="141"/>
      <c r="AC350" s="140"/>
      <c r="AD350" s="138"/>
      <c r="AE350" s="138"/>
      <c r="AF350" s="141"/>
    </row>
    <row r="351" spans="1:33" ht="18.75" customHeight="1" x14ac:dyDescent="0.15">
      <c r="A351" s="213"/>
      <c r="B351" s="205"/>
      <c r="C351" s="249"/>
      <c r="D351" s="230" t="s">
        <v>363</v>
      </c>
      <c r="E351" s="150" t="s">
        <v>380</v>
      </c>
      <c r="F351" s="258"/>
      <c r="G351" s="150" t="s">
        <v>366</v>
      </c>
      <c r="H351" s="208" t="s">
        <v>129</v>
      </c>
      <c r="I351" s="220" t="s">
        <v>363</v>
      </c>
      <c r="J351" s="184" t="s">
        <v>250</v>
      </c>
      <c r="K351" s="184"/>
      <c r="L351" s="221" t="s">
        <v>363</v>
      </c>
      <c r="M351" s="184" t="s">
        <v>251</v>
      </c>
      <c r="N351" s="184"/>
      <c r="O351" s="221" t="s">
        <v>363</v>
      </c>
      <c r="P351" s="184" t="s">
        <v>252</v>
      </c>
      <c r="Q351" s="182"/>
      <c r="R351" s="182"/>
      <c r="S351" s="182"/>
      <c r="T351" s="182"/>
      <c r="U351" s="182"/>
      <c r="V351" s="182"/>
      <c r="W351" s="182"/>
      <c r="X351" s="183"/>
      <c r="Y351" s="140"/>
      <c r="Z351" s="138"/>
      <c r="AA351" s="138"/>
      <c r="AB351" s="141"/>
      <c r="AC351" s="140"/>
      <c r="AD351" s="138"/>
      <c r="AE351" s="138"/>
      <c r="AF351" s="141"/>
    </row>
    <row r="352" spans="1:33" ht="18.75" customHeight="1" x14ac:dyDescent="0.15">
      <c r="A352" s="213"/>
      <c r="B352" s="205"/>
      <c r="C352" s="249"/>
      <c r="D352" s="258"/>
      <c r="E352" s="150"/>
      <c r="F352" s="258"/>
      <c r="G352" s="150"/>
      <c r="H352" s="206" t="s">
        <v>208</v>
      </c>
      <c r="I352" s="220" t="s">
        <v>363</v>
      </c>
      <c r="J352" s="184" t="s">
        <v>250</v>
      </c>
      <c r="K352" s="184"/>
      <c r="L352" s="221" t="s">
        <v>363</v>
      </c>
      <c r="M352" s="184" t="s">
        <v>256</v>
      </c>
      <c r="N352" s="184"/>
      <c r="O352" s="221" t="s">
        <v>363</v>
      </c>
      <c r="P352" s="184" t="s">
        <v>265</v>
      </c>
      <c r="Q352" s="239"/>
      <c r="R352" s="221" t="s">
        <v>363</v>
      </c>
      <c r="S352" s="184" t="s">
        <v>273</v>
      </c>
      <c r="T352" s="184"/>
      <c r="U352" s="184"/>
      <c r="V352" s="184"/>
      <c r="W352" s="184"/>
      <c r="X352" s="185"/>
      <c r="Y352" s="140"/>
      <c r="Z352" s="138"/>
      <c r="AA352" s="138"/>
      <c r="AB352" s="141"/>
      <c r="AC352" s="140"/>
      <c r="AD352" s="138"/>
      <c r="AE352" s="138"/>
      <c r="AF352" s="141"/>
    </row>
    <row r="353" spans="1:32" ht="18.75" customHeight="1" x14ac:dyDescent="0.15">
      <c r="A353" s="213"/>
      <c r="B353" s="205"/>
      <c r="C353" s="249"/>
      <c r="D353" s="258"/>
      <c r="E353" s="150"/>
      <c r="F353" s="258"/>
      <c r="G353" s="150"/>
      <c r="H353" s="206" t="s">
        <v>135</v>
      </c>
      <c r="I353" s="220" t="s">
        <v>363</v>
      </c>
      <c r="J353" s="184" t="s">
        <v>250</v>
      </c>
      <c r="K353" s="184"/>
      <c r="L353" s="221" t="s">
        <v>363</v>
      </c>
      <c r="M353" s="184" t="s">
        <v>256</v>
      </c>
      <c r="N353" s="184"/>
      <c r="O353" s="221" t="s">
        <v>363</v>
      </c>
      <c r="P353" s="184" t="s">
        <v>257</v>
      </c>
      <c r="Q353" s="239"/>
      <c r="R353" s="221" t="s">
        <v>363</v>
      </c>
      <c r="S353" s="184" t="s">
        <v>258</v>
      </c>
      <c r="T353" s="182"/>
      <c r="U353" s="182"/>
      <c r="V353" s="182"/>
      <c r="W353" s="182"/>
      <c r="X353" s="183"/>
      <c r="Y353" s="140"/>
      <c r="Z353" s="138"/>
      <c r="AA353" s="138"/>
      <c r="AB353" s="141"/>
      <c r="AC353" s="140"/>
      <c r="AD353" s="138"/>
      <c r="AE353" s="138"/>
      <c r="AF353" s="141"/>
    </row>
    <row r="354" spans="1:32" s="307" customFormat="1" ht="18.75" customHeight="1" x14ac:dyDescent="0.15">
      <c r="A354" s="213"/>
      <c r="B354" s="205"/>
      <c r="C354" s="306"/>
      <c r="D354" s="308"/>
      <c r="E354" s="150"/>
      <c r="F354" s="308"/>
      <c r="G354" s="150"/>
      <c r="H354" s="305" t="s">
        <v>467</v>
      </c>
      <c r="I354" s="302" t="s">
        <v>363</v>
      </c>
      <c r="J354" s="186" t="s">
        <v>464</v>
      </c>
      <c r="K354" s="186"/>
      <c r="L354" s="304" t="s">
        <v>363</v>
      </c>
      <c r="M354" s="186" t="s">
        <v>465</v>
      </c>
      <c r="N354" s="186"/>
      <c r="O354" s="304" t="s">
        <v>363</v>
      </c>
      <c r="P354" s="186" t="s">
        <v>466</v>
      </c>
      <c r="Q354" s="303"/>
      <c r="R354" s="304"/>
      <c r="S354" s="186"/>
      <c r="T354" s="192"/>
      <c r="U354" s="192"/>
      <c r="V354" s="192"/>
      <c r="W354" s="192"/>
      <c r="X354" s="193"/>
      <c r="Y354" s="140"/>
      <c r="Z354" s="138"/>
      <c r="AA354" s="138"/>
      <c r="AB354" s="141"/>
      <c r="AC354" s="140"/>
      <c r="AD354" s="138"/>
      <c r="AE354" s="138"/>
      <c r="AF354" s="141"/>
    </row>
    <row r="355" spans="1:32" ht="18.75" customHeight="1" x14ac:dyDescent="0.15">
      <c r="A355" s="215"/>
      <c r="B355" s="247"/>
      <c r="C355" s="250"/>
      <c r="D355" s="254"/>
      <c r="E355" s="152"/>
      <c r="F355" s="254"/>
      <c r="G355" s="152"/>
      <c r="H355" s="316" t="s">
        <v>468</v>
      </c>
      <c r="I355" s="309" t="s">
        <v>363</v>
      </c>
      <c r="J355" s="310" t="s">
        <v>250</v>
      </c>
      <c r="K355" s="310"/>
      <c r="L355" s="311" t="s">
        <v>363</v>
      </c>
      <c r="M355" s="310" t="s">
        <v>263</v>
      </c>
      <c r="N355" s="310"/>
      <c r="O355" s="310"/>
      <c r="P355" s="310"/>
      <c r="Q355" s="312"/>
      <c r="R355" s="312"/>
      <c r="S355" s="312"/>
      <c r="T355" s="310"/>
      <c r="U355" s="310"/>
      <c r="V355" s="310"/>
      <c r="W355" s="310"/>
      <c r="X355" s="315"/>
      <c r="Y355" s="195"/>
      <c r="Z355" s="196"/>
      <c r="AA355" s="196"/>
      <c r="AB355" s="197"/>
      <c r="AC355" s="195"/>
      <c r="AD355" s="196"/>
      <c r="AE355" s="196"/>
      <c r="AF355" s="197"/>
    </row>
    <row r="356" spans="1:32" ht="18.75" customHeight="1" x14ac:dyDescent="0.15">
      <c r="A356" s="108"/>
      <c r="B356" s="245"/>
      <c r="C356" s="162"/>
      <c r="D356" s="153"/>
      <c r="E356" s="110"/>
      <c r="F356" s="153"/>
      <c r="G356" s="110"/>
      <c r="H356" s="207" t="s">
        <v>107</v>
      </c>
      <c r="I356" s="220" t="s">
        <v>363</v>
      </c>
      <c r="J356" s="184" t="s">
        <v>250</v>
      </c>
      <c r="K356" s="182"/>
      <c r="L356" s="221" t="s">
        <v>363</v>
      </c>
      <c r="M356" s="184" t="s">
        <v>263</v>
      </c>
      <c r="N356" s="182"/>
      <c r="O356" s="224"/>
      <c r="P356" s="224"/>
      <c r="Q356" s="224"/>
      <c r="R356" s="224"/>
      <c r="S356" s="224"/>
      <c r="T356" s="224"/>
      <c r="U356" s="224"/>
      <c r="V356" s="224"/>
      <c r="W356" s="224"/>
      <c r="X356" s="232"/>
      <c r="Y356" s="214" t="s">
        <v>363</v>
      </c>
      <c r="Z356" s="109" t="s">
        <v>249</v>
      </c>
      <c r="AA356" s="109"/>
      <c r="AB356" s="194"/>
      <c r="AC356" s="352"/>
      <c r="AD356" s="352"/>
      <c r="AE356" s="352"/>
      <c r="AF356" s="352"/>
    </row>
    <row r="357" spans="1:32" s="161" customFormat="1" ht="18.75" customHeight="1" x14ac:dyDescent="0.15">
      <c r="A357" s="213"/>
      <c r="B357" s="205"/>
      <c r="C357" s="163"/>
      <c r="D357" s="170"/>
      <c r="E357" s="139"/>
      <c r="F357" s="170"/>
      <c r="G357" s="139"/>
      <c r="H357" s="369" t="s">
        <v>123</v>
      </c>
      <c r="I357" s="361" t="s">
        <v>363</v>
      </c>
      <c r="J357" s="363" t="s">
        <v>254</v>
      </c>
      <c r="K357" s="363"/>
      <c r="L357" s="363"/>
      <c r="M357" s="361" t="s">
        <v>363</v>
      </c>
      <c r="N357" s="363" t="s">
        <v>255</v>
      </c>
      <c r="O357" s="363"/>
      <c r="P357" s="363"/>
      <c r="Q357" s="176"/>
      <c r="R357" s="176"/>
      <c r="S357" s="176"/>
      <c r="T357" s="176"/>
      <c r="U357" s="176"/>
      <c r="V357" s="176"/>
      <c r="W357" s="176"/>
      <c r="X357" s="177"/>
      <c r="Y357" s="214" t="s">
        <v>363</v>
      </c>
      <c r="Z357" s="143" t="s">
        <v>253</v>
      </c>
      <c r="AA357" s="138"/>
      <c r="AB357" s="141"/>
      <c r="AC357" s="353"/>
      <c r="AD357" s="353"/>
      <c r="AE357" s="353"/>
      <c r="AF357" s="353"/>
    </row>
    <row r="358" spans="1:32" ht="18.75" customHeight="1" x14ac:dyDescent="0.15">
      <c r="A358" s="230" t="s">
        <v>363</v>
      </c>
      <c r="B358" s="205">
        <v>67</v>
      </c>
      <c r="C358" s="163" t="s">
        <v>383</v>
      </c>
      <c r="D358" s="170"/>
      <c r="E358" s="139"/>
      <c r="F358" s="170"/>
      <c r="G358" s="139"/>
      <c r="H358" s="370"/>
      <c r="I358" s="362"/>
      <c r="J358" s="364"/>
      <c r="K358" s="364"/>
      <c r="L358" s="364"/>
      <c r="M358" s="362"/>
      <c r="N358" s="364"/>
      <c r="O358" s="364"/>
      <c r="P358" s="364"/>
      <c r="Q358" s="190"/>
      <c r="R358" s="190"/>
      <c r="S358" s="190"/>
      <c r="T358" s="190"/>
      <c r="U358" s="190"/>
      <c r="V358" s="190"/>
      <c r="W358" s="190"/>
      <c r="X358" s="191"/>
      <c r="Y358" s="140"/>
      <c r="Z358" s="138"/>
      <c r="AA358" s="138"/>
      <c r="AB358" s="141"/>
      <c r="AC358" s="354"/>
      <c r="AD358" s="354"/>
      <c r="AE358" s="354"/>
      <c r="AF358" s="354"/>
    </row>
    <row r="359" spans="1:32" s="161" customFormat="1" ht="18.75" customHeight="1" x14ac:dyDescent="0.15">
      <c r="A359" s="213"/>
      <c r="B359" s="205"/>
      <c r="C359" s="163"/>
      <c r="D359" s="170"/>
      <c r="E359" s="139"/>
      <c r="F359" s="170"/>
      <c r="G359" s="139"/>
      <c r="H359" s="369" t="s">
        <v>124</v>
      </c>
      <c r="I359" s="365" t="s">
        <v>363</v>
      </c>
      <c r="J359" s="363" t="s">
        <v>254</v>
      </c>
      <c r="K359" s="363"/>
      <c r="L359" s="363"/>
      <c r="M359" s="361" t="s">
        <v>363</v>
      </c>
      <c r="N359" s="363" t="s">
        <v>255</v>
      </c>
      <c r="O359" s="363"/>
      <c r="P359" s="363"/>
      <c r="Q359" s="176"/>
      <c r="R359" s="176"/>
      <c r="S359" s="176"/>
      <c r="T359" s="176"/>
      <c r="U359" s="176"/>
      <c r="V359" s="176"/>
      <c r="W359" s="176"/>
      <c r="X359" s="177"/>
      <c r="Y359" s="140"/>
      <c r="Z359" s="138"/>
      <c r="AA359" s="138"/>
      <c r="AB359" s="141"/>
      <c r="AC359" s="355"/>
      <c r="AD359" s="355"/>
      <c r="AE359" s="355"/>
      <c r="AF359" s="355"/>
    </row>
    <row r="360" spans="1:32" ht="18.75" customHeight="1" x14ac:dyDescent="0.15">
      <c r="A360" s="215"/>
      <c r="B360" s="247"/>
      <c r="C360" s="164"/>
      <c r="D360" s="156"/>
      <c r="E360" s="198"/>
      <c r="F360" s="156"/>
      <c r="G360" s="198"/>
      <c r="H360" s="371"/>
      <c r="I360" s="366"/>
      <c r="J360" s="367"/>
      <c r="K360" s="367"/>
      <c r="L360" s="367"/>
      <c r="M360" s="368"/>
      <c r="N360" s="367"/>
      <c r="O360" s="367"/>
      <c r="P360" s="367"/>
      <c r="Q360" s="219"/>
      <c r="R360" s="219"/>
      <c r="S360" s="219"/>
      <c r="T360" s="219"/>
      <c r="U360" s="219"/>
      <c r="V360" s="219"/>
      <c r="W360" s="219"/>
      <c r="X360" s="234"/>
      <c r="Y360" s="195"/>
      <c r="Z360" s="196"/>
      <c r="AA360" s="196"/>
      <c r="AB360" s="197"/>
      <c r="AC360" s="356"/>
      <c r="AD360" s="356"/>
      <c r="AE360" s="356"/>
      <c r="AF360" s="356"/>
    </row>
  </sheetData>
  <mergeCells count="222">
    <mergeCell ref="H288:H289"/>
    <mergeCell ref="H297:H298"/>
    <mergeCell ref="H299:H300"/>
    <mergeCell ref="H302:H303"/>
    <mergeCell ref="AC250:AF269"/>
    <mergeCell ref="AC270:AF285"/>
    <mergeCell ref="H260:H261"/>
    <mergeCell ref="H262:H263"/>
    <mergeCell ref="H265:H266"/>
    <mergeCell ref="H250:H251"/>
    <mergeCell ref="H252:H253"/>
    <mergeCell ref="H270:H271"/>
    <mergeCell ref="H272:H273"/>
    <mergeCell ref="H281:H282"/>
    <mergeCell ref="H286:H287"/>
    <mergeCell ref="I265:I266"/>
    <mergeCell ref="J265:K266"/>
    <mergeCell ref="L265:L266"/>
    <mergeCell ref="M265:N266"/>
    <mergeCell ref="H78:H79"/>
    <mergeCell ref="I107:I108"/>
    <mergeCell ref="J107:K108"/>
    <mergeCell ref="L107:L108"/>
    <mergeCell ref="M107:N108"/>
    <mergeCell ref="H107:H108"/>
    <mergeCell ref="H122:H123"/>
    <mergeCell ref="H113:H114"/>
    <mergeCell ref="I122:I123"/>
    <mergeCell ref="J122:K123"/>
    <mergeCell ref="L122:L123"/>
    <mergeCell ref="M122:N123"/>
    <mergeCell ref="H88:H89"/>
    <mergeCell ref="H94:H95"/>
    <mergeCell ref="H37:H38"/>
    <mergeCell ref="H39:H40"/>
    <mergeCell ref="I37:I38"/>
    <mergeCell ref="J37:L38"/>
    <mergeCell ref="M37:M38"/>
    <mergeCell ref="N37:P38"/>
    <mergeCell ref="I39:I40"/>
    <mergeCell ref="J39:L40"/>
    <mergeCell ref="M39:M40"/>
    <mergeCell ref="N39:P40"/>
    <mergeCell ref="A3:AF3"/>
    <mergeCell ref="S5:V5"/>
    <mergeCell ref="A7:C7"/>
    <mergeCell ref="H7:X7"/>
    <mergeCell ref="Y7:AB7"/>
    <mergeCell ref="AC7:AF7"/>
    <mergeCell ref="H8:H9"/>
    <mergeCell ref="H11:H12"/>
    <mergeCell ref="H13:H14"/>
    <mergeCell ref="I11:I12"/>
    <mergeCell ref="J11:L12"/>
    <mergeCell ref="M11:M12"/>
    <mergeCell ref="N11:P12"/>
    <mergeCell ref="I13:I14"/>
    <mergeCell ref="J13:L14"/>
    <mergeCell ref="M13:M14"/>
    <mergeCell ref="N13:P14"/>
    <mergeCell ref="Y8:AB9"/>
    <mergeCell ref="AC8:AF9"/>
    <mergeCell ref="A8:C9"/>
    <mergeCell ref="D7:E7"/>
    <mergeCell ref="F7:G7"/>
    <mergeCell ref="AC20:AF28"/>
    <mergeCell ref="H21:H22"/>
    <mergeCell ref="H23:H24"/>
    <mergeCell ref="I21:I22"/>
    <mergeCell ref="J21:L22"/>
    <mergeCell ref="M21:M22"/>
    <mergeCell ref="N21:P22"/>
    <mergeCell ref="I23:I24"/>
    <mergeCell ref="J23:L24"/>
    <mergeCell ref="M23:M24"/>
    <mergeCell ref="N23:P24"/>
    <mergeCell ref="AC29:AF35"/>
    <mergeCell ref="H30:H31"/>
    <mergeCell ref="H32:H33"/>
    <mergeCell ref="I30:I31"/>
    <mergeCell ref="J30:L31"/>
    <mergeCell ref="M30:M31"/>
    <mergeCell ref="N30:P31"/>
    <mergeCell ref="I32:I33"/>
    <mergeCell ref="J32:L33"/>
    <mergeCell ref="M32:M33"/>
    <mergeCell ref="N32:P33"/>
    <mergeCell ref="AC36:AF40"/>
    <mergeCell ref="H41:H42"/>
    <mergeCell ref="AC41:AF54"/>
    <mergeCell ref="H68:H69"/>
    <mergeCell ref="H70:H71"/>
    <mergeCell ref="H72:H73"/>
    <mergeCell ref="H58:H59"/>
    <mergeCell ref="I58:I59"/>
    <mergeCell ref="J58:K59"/>
    <mergeCell ref="L58:L59"/>
    <mergeCell ref="M58:N59"/>
    <mergeCell ref="I68:I69"/>
    <mergeCell ref="J68:K69"/>
    <mergeCell ref="L68:L69"/>
    <mergeCell ref="M68:N69"/>
    <mergeCell ref="O68:O69"/>
    <mergeCell ref="P68:Q69"/>
    <mergeCell ref="R68:R69"/>
    <mergeCell ref="S68:T69"/>
    <mergeCell ref="I70:I71"/>
    <mergeCell ref="J70:K71"/>
    <mergeCell ref="L70:L71"/>
    <mergeCell ref="M70:N71"/>
    <mergeCell ref="O70:O71"/>
    <mergeCell ref="P70:Q71"/>
    <mergeCell ref="R70:R71"/>
    <mergeCell ref="S70:T71"/>
    <mergeCell ref="I72:I73"/>
    <mergeCell ref="J72:K73"/>
    <mergeCell ref="L72:L73"/>
    <mergeCell ref="M72:N73"/>
    <mergeCell ref="AC77:AF92"/>
    <mergeCell ref="I88:I89"/>
    <mergeCell ref="J88:K89"/>
    <mergeCell ref="L88:L89"/>
    <mergeCell ref="M88:N89"/>
    <mergeCell ref="AC93:AF111"/>
    <mergeCell ref="AC112:AF126"/>
    <mergeCell ref="I141:I142"/>
    <mergeCell ref="J141:K142"/>
    <mergeCell ref="L141:L142"/>
    <mergeCell ref="M141:N142"/>
    <mergeCell ref="H141:H142"/>
    <mergeCell ref="H138:H139"/>
    <mergeCell ref="H136:H137"/>
    <mergeCell ref="H127:H128"/>
    <mergeCell ref="AC166:AF185"/>
    <mergeCell ref="I181:I182"/>
    <mergeCell ref="J181:K182"/>
    <mergeCell ref="L181:L182"/>
    <mergeCell ref="M181:N182"/>
    <mergeCell ref="H176:H177"/>
    <mergeCell ref="H178:H179"/>
    <mergeCell ref="H181:H182"/>
    <mergeCell ref="H166:H167"/>
    <mergeCell ref="I161:I162"/>
    <mergeCell ref="J161:K162"/>
    <mergeCell ref="L161:L162"/>
    <mergeCell ref="M161:N162"/>
    <mergeCell ref="H161:H162"/>
    <mergeCell ref="H158:H159"/>
    <mergeCell ref="AC127:AF145"/>
    <mergeCell ref="H156:H157"/>
    <mergeCell ref="H146:H147"/>
    <mergeCell ref="AC146:AF165"/>
    <mergeCell ref="H197:H198"/>
    <mergeCell ref="AC186:AF201"/>
    <mergeCell ref="AC219:AF229"/>
    <mergeCell ref="AC202:AF218"/>
    <mergeCell ref="I214:I215"/>
    <mergeCell ref="J214:K215"/>
    <mergeCell ref="L214:L215"/>
    <mergeCell ref="M214:N215"/>
    <mergeCell ref="H209:H210"/>
    <mergeCell ref="H211:H212"/>
    <mergeCell ref="I225:I226"/>
    <mergeCell ref="I197:I198"/>
    <mergeCell ref="J197:K198"/>
    <mergeCell ref="L197:L198"/>
    <mergeCell ref="M197:N198"/>
    <mergeCell ref="H192:H193"/>
    <mergeCell ref="H194:H195"/>
    <mergeCell ref="AC230:AF249"/>
    <mergeCell ref="J225:K226"/>
    <mergeCell ref="L225:L226"/>
    <mergeCell ref="M225:N226"/>
    <mergeCell ref="H225:H226"/>
    <mergeCell ref="H214:H215"/>
    <mergeCell ref="I245:I246"/>
    <mergeCell ref="J245:K246"/>
    <mergeCell ref="L245:L246"/>
    <mergeCell ref="M245:N246"/>
    <mergeCell ref="H240:H241"/>
    <mergeCell ref="H242:H243"/>
    <mergeCell ref="H245:H246"/>
    <mergeCell ref="H230:H231"/>
    <mergeCell ref="H232:H233"/>
    <mergeCell ref="AC307:AF327"/>
    <mergeCell ref="I323:I324"/>
    <mergeCell ref="J323:K324"/>
    <mergeCell ref="L323:L324"/>
    <mergeCell ref="M323:N324"/>
    <mergeCell ref="AC286:AF306"/>
    <mergeCell ref="I281:I282"/>
    <mergeCell ref="J281:K282"/>
    <mergeCell ref="L281:L282"/>
    <mergeCell ref="M281:N282"/>
    <mergeCell ref="I302:I303"/>
    <mergeCell ref="J302:K303"/>
    <mergeCell ref="L302:L303"/>
    <mergeCell ref="M302:N303"/>
    <mergeCell ref="H307:H308"/>
    <mergeCell ref="H309:H310"/>
    <mergeCell ref="H318:H319"/>
    <mergeCell ref="H320:H321"/>
    <mergeCell ref="H323:H324"/>
    <mergeCell ref="I340:I341"/>
    <mergeCell ref="J340:K341"/>
    <mergeCell ref="L340:L341"/>
    <mergeCell ref="M340:N341"/>
    <mergeCell ref="H328:H329"/>
    <mergeCell ref="AC328:AF344"/>
    <mergeCell ref="H330:H331"/>
    <mergeCell ref="H340:H341"/>
    <mergeCell ref="AC356:AF360"/>
    <mergeCell ref="I357:I358"/>
    <mergeCell ref="J357:L358"/>
    <mergeCell ref="M357:M358"/>
    <mergeCell ref="N357:P358"/>
    <mergeCell ref="I359:I360"/>
    <mergeCell ref="J359:L360"/>
    <mergeCell ref="M359:M360"/>
    <mergeCell ref="N359:P360"/>
    <mergeCell ref="H357:H358"/>
    <mergeCell ref="H359:H360"/>
  </mergeCells>
  <phoneticPr fontId="6"/>
  <dataValidations count="1">
    <dataValidation type="list" allowBlank="1" showInputMessage="1" showErrorMessage="1" sqref="M8:M9 Q8:Q9 U8:U9 L10 L15:L20 O35 R16:R18 M11:M14 Y10:Y11 AC10:AC11 L25 M26 M21:M24 L27:L29 Y20:Y21 M30:M33 L34:L36 M37:M42 Y29:Y30 Y36:Y37 A14 D24:D25 A24 D31:D33 A32 A38 Q41:Q42 U41 L43:L54 O15:O18 R51:R53 Y41:Y42 D46:D48 A47 M55:M57 Q56 L58:L64 O61 M65 L66:L76 O67:O71 R68:R71 O51:O53 R74:R75 Y55:Y56 AC55:AC56 D64:D67 A65 M77:M80 Q78:Q79 U78 L81:L83 L85:L92 O83 O86:O87 R87 M84 O74:O75 R90:R91 Y77:Y78 M93:M96 Q94:Q95 U94 L97:L98 M99 L101:L104 L106:L111 O90:O91 R109:R110 O106 R106 P100 O104 N105 S105 Y93:Y94 F83:F84 D83:D84 D100:D103 A94 M112:M115 Q113:Q114 U113 L116:L117 M118 M146:M151 L119:L126 O109:O110 R124:R125 O120:O121 R121 Y112:Y113 D118:D119 A118 M127:M131 Q127 U127 Q129 U129 L132 M133 L134:L135 O135 P136 M138 Q138:Q139 L140:L145 O140 R140 O143:O145 R143:R144 Y127:Y128 U148 Q146 U146 Q148 I8:I360 L152 M153 L154:L155 O155 P156 M158 Q158:Q159 L160:L165 O160 R160 O163:O165 R163:R164 Y146:Y147 F153 F155 F157 D155 A146 F141 D135 F133 F135 F137 F139 F131 M166:M171 U168 Q166 U166 Q168 L172 M173 L174:L175 O175 P176 M178 Q178:Q179 L180:L185 O180 R180 O124:O125 R183:R184 Y166:Y167 F175:F176 D175:D176 M186:M187 L188 M189 L190:L191 O191 P192 M194 Q194:Q195 L196:L201 O196 R196 O199:O201 R199:R200 Y186:Y187 F190 F192 F194 F196 D193 A182 Y202:Y203 M202:M204 L205 M206 L207:L208 O208 P209 M211 Q211:Q212 L213:L218 O213 R213 O183:O184 R216:R217 Y219:Y220 M219:M221 Q219 U219 L222 Q223 L224:L229 O224 R224 O216:O217 R227:R228 F222:F226 D222:D224 F207 F209 F211 D209 A214 Q230 U230 L236 M237 L238:L239 O239 M230:M235 Q232 P240 M242 Q242:Q243 L244:L249 O244 R244 O247:O249 R247:R248 Y230:Y231 F238:F240 D239 A249 M250:M255 Q250 U250 Q252 L256 M257 L258:L259 O259 P260 M262 Q262:Q263 L264:L269 O264 R264 O227:O228 R267:R268 Y250:Y251 F258:F260 D259 M270:M275 Q270 U270 Q272 L276 M277 L278:L285 O279:O280 R280 O267:O268 R283:R284 Y270:Y271 M286:M292 Q286 U286 Q288 L293 M294 L295:L296 O296 P297 M299 Q299:Q300 R301 O301 L301:L306 O283:O284 R304:R305 Y286:Y287 F276:F277 D277 F295:F296 D295 A288 M307:M313 Q307 U307 Q309 L314 M315 L316:L317 O317 P318 Q320:Q321 M320 R322 O322 L322:L327 O304:O305 R325:R326 Y307:Y308 D316 M328:M334 Q328 U328 Q330 L335 M336 O338:O339 L337:L344 R339 R342:R343 O325:O326 Y328:Y329 F335:F336 D335 A324 M345:M346 Q345 O347 L347:L356 O342:O343 R352:R354 Y345:Y346 AC345:AC346 F349:F350 D349:D351 A349 M357:M360 Y356:Y357 A358 O28 O351:O354">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32" fitToHeight="0" orientation="landscape" cellComments="asDisplayed" r:id="rId1"/>
  <headerFooter alignWithMargins="0"/>
  <rowBreaks count="10" manualBreakCount="10">
    <brk id="40" max="20" man="1"/>
    <brk id="76" max="16" man="1"/>
    <brk id="111" max="20" man="1"/>
    <brk id="126" max="16" man="1"/>
    <brk id="165" max="20" man="1"/>
    <brk id="201" max="20" man="1"/>
    <brk id="229" max="16" man="1"/>
    <brk id="269" max="16" man="1"/>
    <brk id="306" max="20" man="1"/>
    <brk id="344" max="16"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F21"/>
  <sheetViews>
    <sheetView view="pageBreakPreview" zoomScale="110" zoomScaleNormal="100" zoomScaleSheetLayoutView="110" workbookViewId="0"/>
  </sheetViews>
  <sheetFormatPr defaultRowHeight="20.25" customHeight="1" x14ac:dyDescent="0.15"/>
  <cols>
    <col min="1" max="2" width="4.25" style="341" customWidth="1"/>
    <col min="3" max="3" width="25" style="340" customWidth="1"/>
    <col min="4" max="4" width="4.875" style="340" customWidth="1"/>
    <col min="5" max="5" width="41.625" style="340" customWidth="1"/>
    <col min="6" max="6" width="4.875" style="340" customWidth="1"/>
    <col min="7" max="7" width="19.625" style="340" customWidth="1"/>
    <col min="8" max="8" width="33.875" style="340" customWidth="1"/>
    <col min="9" max="32" width="4.875" style="340" customWidth="1"/>
    <col min="33" max="33" width="13.375" style="340" bestFit="1" customWidth="1"/>
    <col min="34" max="267" width="9" style="340"/>
    <col min="268" max="268" width="4.25" style="340" customWidth="1"/>
    <col min="269" max="269" width="25" style="340" customWidth="1"/>
    <col min="270" max="270" width="41.625" style="340" customWidth="1"/>
    <col min="271" max="271" width="19.625" style="340" customWidth="1"/>
    <col min="272" max="272" width="33.875" style="340" customWidth="1"/>
    <col min="273" max="273" width="25" style="340" customWidth="1"/>
    <col min="274" max="274" width="13.625" style="340" customWidth="1"/>
    <col min="275" max="288" width="4.875" style="340" customWidth="1"/>
    <col min="289" max="289" width="13.375" style="340" bestFit="1" customWidth="1"/>
    <col min="290" max="523" width="9" style="340"/>
    <col min="524" max="524" width="4.25" style="340" customWidth="1"/>
    <col min="525" max="525" width="25" style="340" customWidth="1"/>
    <col min="526" max="526" width="41.625" style="340" customWidth="1"/>
    <col min="527" max="527" width="19.625" style="340" customWidth="1"/>
    <col min="528" max="528" width="33.875" style="340" customWidth="1"/>
    <col min="529" max="529" width="25" style="340" customWidth="1"/>
    <col min="530" max="530" width="13.625" style="340" customWidth="1"/>
    <col min="531" max="544" width="4.875" style="340" customWidth="1"/>
    <col min="545" max="545" width="13.375" style="340" bestFit="1" customWidth="1"/>
    <col min="546" max="779" width="9" style="340"/>
    <col min="780" max="780" width="4.25" style="340" customWidth="1"/>
    <col min="781" max="781" width="25" style="340" customWidth="1"/>
    <col min="782" max="782" width="41.625" style="340" customWidth="1"/>
    <col min="783" max="783" width="19.625" style="340" customWidth="1"/>
    <col min="784" max="784" width="33.875" style="340" customWidth="1"/>
    <col min="785" max="785" width="25" style="340" customWidth="1"/>
    <col min="786" max="786" width="13.625" style="340" customWidth="1"/>
    <col min="787" max="800" width="4.875" style="340" customWidth="1"/>
    <col min="801" max="801" width="13.375" style="340" bestFit="1" customWidth="1"/>
    <col min="802" max="1035" width="9" style="340"/>
    <col min="1036" max="1036" width="4.25" style="340" customWidth="1"/>
    <col min="1037" max="1037" width="25" style="340" customWidth="1"/>
    <col min="1038" max="1038" width="41.625" style="340" customWidth="1"/>
    <col min="1039" max="1039" width="19.625" style="340" customWidth="1"/>
    <col min="1040" max="1040" width="33.875" style="340" customWidth="1"/>
    <col min="1041" max="1041" width="25" style="340" customWidth="1"/>
    <col min="1042" max="1042" width="13.625" style="340" customWidth="1"/>
    <col min="1043" max="1056" width="4.875" style="340" customWidth="1"/>
    <col min="1057" max="1057" width="13.375" style="340" bestFit="1" customWidth="1"/>
    <col min="1058" max="1291" width="9" style="340"/>
    <col min="1292" max="1292" width="4.25" style="340" customWidth="1"/>
    <col min="1293" max="1293" width="25" style="340" customWidth="1"/>
    <col min="1294" max="1294" width="41.625" style="340" customWidth="1"/>
    <col min="1295" max="1295" width="19.625" style="340" customWidth="1"/>
    <col min="1296" max="1296" width="33.875" style="340" customWidth="1"/>
    <col min="1297" max="1297" width="25" style="340" customWidth="1"/>
    <col min="1298" max="1298" width="13.625" style="340" customWidth="1"/>
    <col min="1299" max="1312" width="4.875" style="340" customWidth="1"/>
    <col min="1313" max="1313" width="13.375" style="340" bestFit="1" customWidth="1"/>
    <col min="1314" max="1547" width="9" style="340"/>
    <col min="1548" max="1548" width="4.25" style="340" customWidth="1"/>
    <col min="1549" max="1549" width="25" style="340" customWidth="1"/>
    <col min="1550" max="1550" width="41.625" style="340" customWidth="1"/>
    <col min="1551" max="1551" width="19.625" style="340" customWidth="1"/>
    <col min="1552" max="1552" width="33.875" style="340" customWidth="1"/>
    <col min="1553" max="1553" width="25" style="340" customWidth="1"/>
    <col min="1554" max="1554" width="13.625" style="340" customWidth="1"/>
    <col min="1555" max="1568" width="4.875" style="340" customWidth="1"/>
    <col min="1569" max="1569" width="13.375" style="340" bestFit="1" customWidth="1"/>
    <col min="1570" max="1803" width="9" style="340"/>
    <col min="1804" max="1804" width="4.25" style="340" customWidth="1"/>
    <col min="1805" max="1805" width="25" style="340" customWidth="1"/>
    <col min="1806" max="1806" width="41.625" style="340" customWidth="1"/>
    <col min="1807" max="1807" width="19.625" style="340" customWidth="1"/>
    <col min="1808" max="1808" width="33.875" style="340" customWidth="1"/>
    <col min="1809" max="1809" width="25" style="340" customWidth="1"/>
    <col min="1810" max="1810" width="13.625" style="340" customWidth="1"/>
    <col min="1811" max="1824" width="4.875" style="340" customWidth="1"/>
    <col min="1825" max="1825" width="13.375" style="340" bestFit="1" customWidth="1"/>
    <col min="1826" max="2059" width="9" style="340"/>
    <col min="2060" max="2060" width="4.25" style="340" customWidth="1"/>
    <col min="2061" max="2061" width="25" style="340" customWidth="1"/>
    <col min="2062" max="2062" width="41.625" style="340" customWidth="1"/>
    <col min="2063" max="2063" width="19.625" style="340" customWidth="1"/>
    <col min="2064" max="2064" width="33.875" style="340" customWidth="1"/>
    <col min="2065" max="2065" width="25" style="340" customWidth="1"/>
    <col min="2066" max="2066" width="13.625" style="340" customWidth="1"/>
    <col min="2067" max="2080" width="4.875" style="340" customWidth="1"/>
    <col min="2081" max="2081" width="13.375" style="340" bestFit="1" customWidth="1"/>
    <col min="2082" max="2315" width="9" style="340"/>
    <col min="2316" max="2316" width="4.25" style="340" customWidth="1"/>
    <col min="2317" max="2317" width="25" style="340" customWidth="1"/>
    <col min="2318" max="2318" width="41.625" style="340" customWidth="1"/>
    <col min="2319" max="2319" width="19.625" style="340" customWidth="1"/>
    <col min="2320" max="2320" width="33.875" style="340" customWidth="1"/>
    <col min="2321" max="2321" width="25" style="340" customWidth="1"/>
    <col min="2322" max="2322" width="13.625" style="340" customWidth="1"/>
    <col min="2323" max="2336" width="4.875" style="340" customWidth="1"/>
    <col min="2337" max="2337" width="13.375" style="340" bestFit="1" customWidth="1"/>
    <col min="2338" max="2571" width="9" style="340"/>
    <col min="2572" max="2572" width="4.25" style="340" customWidth="1"/>
    <col min="2573" max="2573" width="25" style="340" customWidth="1"/>
    <col min="2574" max="2574" width="41.625" style="340" customWidth="1"/>
    <col min="2575" max="2575" width="19.625" style="340" customWidth="1"/>
    <col min="2576" max="2576" width="33.875" style="340" customWidth="1"/>
    <col min="2577" max="2577" width="25" style="340" customWidth="1"/>
    <col min="2578" max="2578" width="13.625" style="340" customWidth="1"/>
    <col min="2579" max="2592" width="4.875" style="340" customWidth="1"/>
    <col min="2593" max="2593" width="13.375" style="340" bestFit="1" customWidth="1"/>
    <col min="2594" max="2827" width="9" style="340"/>
    <col min="2828" max="2828" width="4.25" style="340" customWidth="1"/>
    <col min="2829" max="2829" width="25" style="340" customWidth="1"/>
    <col min="2830" max="2830" width="41.625" style="340" customWidth="1"/>
    <col min="2831" max="2831" width="19.625" style="340" customWidth="1"/>
    <col min="2832" max="2832" width="33.875" style="340" customWidth="1"/>
    <col min="2833" max="2833" width="25" style="340" customWidth="1"/>
    <col min="2834" max="2834" width="13.625" style="340" customWidth="1"/>
    <col min="2835" max="2848" width="4.875" style="340" customWidth="1"/>
    <col min="2849" max="2849" width="13.375" style="340" bestFit="1" customWidth="1"/>
    <col min="2850" max="3083" width="9" style="340"/>
    <col min="3084" max="3084" width="4.25" style="340" customWidth="1"/>
    <col min="3085" max="3085" width="25" style="340" customWidth="1"/>
    <col min="3086" max="3086" width="41.625" style="340" customWidth="1"/>
    <col min="3087" max="3087" width="19.625" style="340" customWidth="1"/>
    <col min="3088" max="3088" width="33.875" style="340" customWidth="1"/>
    <col min="3089" max="3089" width="25" style="340" customWidth="1"/>
    <col min="3090" max="3090" width="13.625" style="340" customWidth="1"/>
    <col min="3091" max="3104" width="4.875" style="340" customWidth="1"/>
    <col min="3105" max="3105" width="13.375" style="340" bestFit="1" customWidth="1"/>
    <col min="3106" max="3339" width="9" style="340"/>
    <col min="3340" max="3340" width="4.25" style="340" customWidth="1"/>
    <col min="3341" max="3341" width="25" style="340" customWidth="1"/>
    <col min="3342" max="3342" width="41.625" style="340" customWidth="1"/>
    <col min="3343" max="3343" width="19.625" style="340" customWidth="1"/>
    <col min="3344" max="3344" width="33.875" style="340" customWidth="1"/>
    <col min="3345" max="3345" width="25" style="340" customWidth="1"/>
    <col min="3346" max="3346" width="13.625" style="340" customWidth="1"/>
    <col min="3347" max="3360" width="4.875" style="340" customWidth="1"/>
    <col min="3361" max="3361" width="13.375" style="340" bestFit="1" customWidth="1"/>
    <col min="3362" max="3595" width="9" style="340"/>
    <col min="3596" max="3596" width="4.25" style="340" customWidth="1"/>
    <col min="3597" max="3597" width="25" style="340" customWidth="1"/>
    <col min="3598" max="3598" width="41.625" style="340" customWidth="1"/>
    <col min="3599" max="3599" width="19.625" style="340" customWidth="1"/>
    <col min="3600" max="3600" width="33.875" style="340" customWidth="1"/>
    <col min="3601" max="3601" width="25" style="340" customWidth="1"/>
    <col min="3602" max="3602" width="13.625" style="340" customWidth="1"/>
    <col min="3603" max="3616" width="4.875" style="340" customWidth="1"/>
    <col min="3617" max="3617" width="13.375" style="340" bestFit="1" customWidth="1"/>
    <col min="3618" max="3851" width="9" style="340"/>
    <col min="3852" max="3852" width="4.25" style="340" customWidth="1"/>
    <col min="3853" max="3853" width="25" style="340" customWidth="1"/>
    <col min="3854" max="3854" width="41.625" style="340" customWidth="1"/>
    <col min="3855" max="3855" width="19.625" style="340" customWidth="1"/>
    <col min="3856" max="3856" width="33.875" style="340" customWidth="1"/>
    <col min="3857" max="3857" width="25" style="340" customWidth="1"/>
    <col min="3858" max="3858" width="13.625" style="340" customWidth="1"/>
    <col min="3859" max="3872" width="4.875" style="340" customWidth="1"/>
    <col min="3873" max="3873" width="13.375" style="340" bestFit="1" customWidth="1"/>
    <col min="3874" max="4107" width="9" style="340"/>
    <col min="4108" max="4108" width="4.25" style="340" customWidth="1"/>
    <col min="4109" max="4109" width="25" style="340" customWidth="1"/>
    <col min="4110" max="4110" width="41.625" style="340" customWidth="1"/>
    <col min="4111" max="4111" width="19.625" style="340" customWidth="1"/>
    <col min="4112" max="4112" width="33.875" style="340" customWidth="1"/>
    <col min="4113" max="4113" width="25" style="340" customWidth="1"/>
    <col min="4114" max="4114" width="13.625" style="340" customWidth="1"/>
    <col min="4115" max="4128" width="4.875" style="340" customWidth="1"/>
    <col min="4129" max="4129" width="13.375" style="340" bestFit="1" customWidth="1"/>
    <col min="4130" max="4363" width="9" style="340"/>
    <col min="4364" max="4364" width="4.25" style="340" customWidth="1"/>
    <col min="4365" max="4365" width="25" style="340" customWidth="1"/>
    <col min="4366" max="4366" width="41.625" style="340" customWidth="1"/>
    <col min="4367" max="4367" width="19.625" style="340" customWidth="1"/>
    <col min="4368" max="4368" width="33.875" style="340" customWidth="1"/>
    <col min="4369" max="4369" width="25" style="340" customWidth="1"/>
    <col min="4370" max="4370" width="13.625" style="340" customWidth="1"/>
    <col min="4371" max="4384" width="4.875" style="340" customWidth="1"/>
    <col min="4385" max="4385" width="13.375" style="340" bestFit="1" customWidth="1"/>
    <col min="4386" max="4619" width="9" style="340"/>
    <col min="4620" max="4620" width="4.25" style="340" customWidth="1"/>
    <col min="4621" max="4621" width="25" style="340" customWidth="1"/>
    <col min="4622" max="4622" width="41.625" style="340" customWidth="1"/>
    <col min="4623" max="4623" width="19.625" style="340" customWidth="1"/>
    <col min="4624" max="4624" width="33.875" style="340" customWidth="1"/>
    <col min="4625" max="4625" width="25" style="340" customWidth="1"/>
    <col min="4626" max="4626" width="13.625" style="340" customWidth="1"/>
    <col min="4627" max="4640" width="4.875" style="340" customWidth="1"/>
    <col min="4641" max="4641" width="13.375" style="340" bestFit="1" customWidth="1"/>
    <col min="4642" max="4875" width="9" style="340"/>
    <col min="4876" max="4876" width="4.25" style="340" customWidth="1"/>
    <col min="4877" max="4877" width="25" style="340" customWidth="1"/>
    <col min="4878" max="4878" width="41.625" style="340" customWidth="1"/>
    <col min="4879" max="4879" width="19.625" style="340" customWidth="1"/>
    <col min="4880" max="4880" width="33.875" style="340" customWidth="1"/>
    <col min="4881" max="4881" width="25" style="340" customWidth="1"/>
    <col min="4882" max="4882" width="13.625" style="340" customWidth="1"/>
    <col min="4883" max="4896" width="4.875" style="340" customWidth="1"/>
    <col min="4897" max="4897" width="13.375" style="340" bestFit="1" customWidth="1"/>
    <col min="4898" max="5131" width="9" style="340"/>
    <col min="5132" max="5132" width="4.25" style="340" customWidth="1"/>
    <col min="5133" max="5133" width="25" style="340" customWidth="1"/>
    <col min="5134" max="5134" width="41.625" style="340" customWidth="1"/>
    <col min="5135" max="5135" width="19.625" style="340" customWidth="1"/>
    <col min="5136" max="5136" width="33.875" style="340" customWidth="1"/>
    <col min="5137" max="5137" width="25" style="340" customWidth="1"/>
    <col min="5138" max="5138" width="13.625" style="340" customWidth="1"/>
    <col min="5139" max="5152" width="4.875" style="340" customWidth="1"/>
    <col min="5153" max="5153" width="13.375" style="340" bestFit="1" customWidth="1"/>
    <col min="5154" max="5387" width="9" style="340"/>
    <col min="5388" max="5388" width="4.25" style="340" customWidth="1"/>
    <col min="5389" max="5389" width="25" style="340" customWidth="1"/>
    <col min="5390" max="5390" width="41.625" style="340" customWidth="1"/>
    <col min="5391" max="5391" width="19.625" style="340" customWidth="1"/>
    <col min="5392" max="5392" width="33.875" style="340" customWidth="1"/>
    <col min="5393" max="5393" width="25" style="340" customWidth="1"/>
    <col min="5394" max="5394" width="13.625" style="340" customWidth="1"/>
    <col min="5395" max="5408" width="4.875" style="340" customWidth="1"/>
    <col min="5409" max="5409" width="13.375" style="340" bestFit="1" customWidth="1"/>
    <col min="5410" max="5643" width="9" style="340"/>
    <col min="5644" max="5644" width="4.25" style="340" customWidth="1"/>
    <col min="5645" max="5645" width="25" style="340" customWidth="1"/>
    <col min="5646" max="5646" width="41.625" style="340" customWidth="1"/>
    <col min="5647" max="5647" width="19.625" style="340" customWidth="1"/>
    <col min="5648" max="5648" width="33.875" style="340" customWidth="1"/>
    <col min="5649" max="5649" width="25" style="340" customWidth="1"/>
    <col min="5650" max="5650" width="13.625" style="340" customWidth="1"/>
    <col min="5651" max="5664" width="4.875" style="340" customWidth="1"/>
    <col min="5665" max="5665" width="13.375" style="340" bestFit="1" customWidth="1"/>
    <col min="5666" max="5899" width="9" style="340"/>
    <col min="5900" max="5900" width="4.25" style="340" customWidth="1"/>
    <col min="5901" max="5901" width="25" style="340" customWidth="1"/>
    <col min="5902" max="5902" width="41.625" style="340" customWidth="1"/>
    <col min="5903" max="5903" width="19.625" style="340" customWidth="1"/>
    <col min="5904" max="5904" width="33.875" style="340" customWidth="1"/>
    <col min="5905" max="5905" width="25" style="340" customWidth="1"/>
    <col min="5906" max="5906" width="13.625" style="340" customWidth="1"/>
    <col min="5907" max="5920" width="4.875" style="340" customWidth="1"/>
    <col min="5921" max="5921" width="13.375" style="340" bestFit="1" customWidth="1"/>
    <col min="5922" max="6155" width="9" style="340"/>
    <col min="6156" max="6156" width="4.25" style="340" customWidth="1"/>
    <col min="6157" max="6157" width="25" style="340" customWidth="1"/>
    <col min="6158" max="6158" width="41.625" style="340" customWidth="1"/>
    <col min="6159" max="6159" width="19.625" style="340" customWidth="1"/>
    <col min="6160" max="6160" width="33.875" style="340" customWidth="1"/>
    <col min="6161" max="6161" width="25" style="340" customWidth="1"/>
    <col min="6162" max="6162" width="13.625" style="340" customWidth="1"/>
    <col min="6163" max="6176" width="4.875" style="340" customWidth="1"/>
    <col min="6177" max="6177" width="13.375" style="340" bestFit="1" customWidth="1"/>
    <col min="6178" max="6411" width="9" style="340"/>
    <col min="6412" max="6412" width="4.25" style="340" customWidth="1"/>
    <col min="6413" max="6413" width="25" style="340" customWidth="1"/>
    <col min="6414" max="6414" width="41.625" style="340" customWidth="1"/>
    <col min="6415" max="6415" width="19.625" style="340" customWidth="1"/>
    <col min="6416" max="6416" width="33.875" style="340" customWidth="1"/>
    <col min="6417" max="6417" width="25" style="340" customWidth="1"/>
    <col min="6418" max="6418" width="13.625" style="340" customWidth="1"/>
    <col min="6419" max="6432" width="4.875" style="340" customWidth="1"/>
    <col min="6433" max="6433" width="13.375" style="340" bestFit="1" customWidth="1"/>
    <col min="6434" max="6667" width="9" style="340"/>
    <col min="6668" max="6668" width="4.25" style="340" customWidth="1"/>
    <col min="6669" max="6669" width="25" style="340" customWidth="1"/>
    <col min="6670" max="6670" width="41.625" style="340" customWidth="1"/>
    <col min="6671" max="6671" width="19.625" style="340" customWidth="1"/>
    <col min="6672" max="6672" width="33.875" style="340" customWidth="1"/>
    <col min="6673" max="6673" width="25" style="340" customWidth="1"/>
    <col min="6674" max="6674" width="13.625" style="340" customWidth="1"/>
    <col min="6675" max="6688" width="4.875" style="340" customWidth="1"/>
    <col min="6689" max="6689" width="13.375" style="340" bestFit="1" customWidth="1"/>
    <col min="6690" max="6923" width="9" style="340"/>
    <col min="6924" max="6924" width="4.25" style="340" customWidth="1"/>
    <col min="6925" max="6925" width="25" style="340" customWidth="1"/>
    <col min="6926" max="6926" width="41.625" style="340" customWidth="1"/>
    <col min="6927" max="6927" width="19.625" style="340" customWidth="1"/>
    <col min="6928" max="6928" width="33.875" style="340" customWidth="1"/>
    <col min="6929" max="6929" width="25" style="340" customWidth="1"/>
    <col min="6930" max="6930" width="13.625" style="340" customWidth="1"/>
    <col min="6931" max="6944" width="4.875" style="340" customWidth="1"/>
    <col min="6945" max="6945" width="13.375" style="340" bestFit="1" customWidth="1"/>
    <col min="6946" max="7179" width="9" style="340"/>
    <col min="7180" max="7180" width="4.25" style="340" customWidth="1"/>
    <col min="7181" max="7181" width="25" style="340" customWidth="1"/>
    <col min="7182" max="7182" width="41.625" style="340" customWidth="1"/>
    <col min="7183" max="7183" width="19.625" style="340" customWidth="1"/>
    <col min="7184" max="7184" width="33.875" style="340" customWidth="1"/>
    <col min="7185" max="7185" width="25" style="340" customWidth="1"/>
    <col min="7186" max="7186" width="13.625" style="340" customWidth="1"/>
    <col min="7187" max="7200" width="4.875" style="340" customWidth="1"/>
    <col min="7201" max="7201" width="13.375" style="340" bestFit="1" customWidth="1"/>
    <col min="7202" max="7435" width="9" style="340"/>
    <col min="7436" max="7436" width="4.25" style="340" customWidth="1"/>
    <col min="7437" max="7437" width="25" style="340" customWidth="1"/>
    <col min="7438" max="7438" width="41.625" style="340" customWidth="1"/>
    <col min="7439" max="7439" width="19.625" style="340" customWidth="1"/>
    <col min="7440" max="7440" width="33.875" style="340" customWidth="1"/>
    <col min="7441" max="7441" width="25" style="340" customWidth="1"/>
    <col min="7442" max="7442" width="13.625" style="340" customWidth="1"/>
    <col min="7443" max="7456" width="4.875" style="340" customWidth="1"/>
    <col min="7457" max="7457" width="13.375" style="340" bestFit="1" customWidth="1"/>
    <col min="7458" max="7691" width="9" style="340"/>
    <col min="7692" max="7692" width="4.25" style="340" customWidth="1"/>
    <col min="7693" max="7693" width="25" style="340" customWidth="1"/>
    <col min="7694" max="7694" width="41.625" style="340" customWidth="1"/>
    <col min="7695" max="7695" width="19.625" style="340" customWidth="1"/>
    <col min="7696" max="7696" width="33.875" style="340" customWidth="1"/>
    <col min="7697" max="7697" width="25" style="340" customWidth="1"/>
    <col min="7698" max="7698" width="13.625" style="340" customWidth="1"/>
    <col min="7699" max="7712" width="4.875" style="340" customWidth="1"/>
    <col min="7713" max="7713" width="13.375" style="340" bestFit="1" customWidth="1"/>
    <col min="7714" max="7947" width="9" style="340"/>
    <col min="7948" max="7948" width="4.25" style="340" customWidth="1"/>
    <col min="7949" max="7949" width="25" style="340" customWidth="1"/>
    <col min="7950" max="7950" width="41.625" style="340" customWidth="1"/>
    <col min="7951" max="7951" width="19.625" style="340" customWidth="1"/>
    <col min="7952" max="7952" width="33.875" style="340" customWidth="1"/>
    <col min="7953" max="7953" width="25" style="340" customWidth="1"/>
    <col min="7954" max="7954" width="13.625" style="340" customWidth="1"/>
    <col min="7955" max="7968" width="4.875" style="340" customWidth="1"/>
    <col min="7969" max="7969" width="13.375" style="340" bestFit="1" customWidth="1"/>
    <col min="7970" max="8203" width="9" style="340"/>
    <col min="8204" max="8204" width="4.25" style="340" customWidth="1"/>
    <col min="8205" max="8205" width="25" style="340" customWidth="1"/>
    <col min="8206" max="8206" width="41.625" style="340" customWidth="1"/>
    <col min="8207" max="8207" width="19.625" style="340" customWidth="1"/>
    <col min="8208" max="8208" width="33.875" style="340" customWidth="1"/>
    <col min="8209" max="8209" width="25" style="340" customWidth="1"/>
    <col min="8210" max="8210" width="13.625" style="340" customWidth="1"/>
    <col min="8211" max="8224" width="4.875" style="340" customWidth="1"/>
    <col min="8225" max="8225" width="13.375" style="340" bestFit="1" customWidth="1"/>
    <col min="8226" max="8459" width="9" style="340"/>
    <col min="8460" max="8460" width="4.25" style="340" customWidth="1"/>
    <col min="8461" max="8461" width="25" style="340" customWidth="1"/>
    <col min="8462" max="8462" width="41.625" style="340" customWidth="1"/>
    <col min="8463" max="8463" width="19.625" style="340" customWidth="1"/>
    <col min="8464" max="8464" width="33.875" style="340" customWidth="1"/>
    <col min="8465" max="8465" width="25" style="340" customWidth="1"/>
    <col min="8466" max="8466" width="13.625" style="340" customWidth="1"/>
    <col min="8467" max="8480" width="4.875" style="340" customWidth="1"/>
    <col min="8481" max="8481" width="13.375" style="340" bestFit="1" customWidth="1"/>
    <col min="8482" max="8715" width="9" style="340"/>
    <col min="8716" max="8716" width="4.25" style="340" customWidth="1"/>
    <col min="8717" max="8717" width="25" style="340" customWidth="1"/>
    <col min="8718" max="8718" width="41.625" style="340" customWidth="1"/>
    <col min="8719" max="8719" width="19.625" style="340" customWidth="1"/>
    <col min="8720" max="8720" width="33.875" style="340" customWidth="1"/>
    <col min="8721" max="8721" width="25" style="340" customWidth="1"/>
    <col min="8722" max="8722" width="13.625" style="340" customWidth="1"/>
    <col min="8723" max="8736" width="4.875" style="340" customWidth="1"/>
    <col min="8737" max="8737" width="13.375" style="340" bestFit="1" customWidth="1"/>
    <col min="8738" max="8971" width="9" style="340"/>
    <col min="8972" max="8972" width="4.25" style="340" customWidth="1"/>
    <col min="8973" max="8973" width="25" style="340" customWidth="1"/>
    <col min="8974" max="8974" width="41.625" style="340" customWidth="1"/>
    <col min="8975" max="8975" width="19.625" style="340" customWidth="1"/>
    <col min="8976" max="8976" width="33.875" style="340" customWidth="1"/>
    <col min="8977" max="8977" width="25" style="340" customWidth="1"/>
    <col min="8978" max="8978" width="13.625" style="340" customWidth="1"/>
    <col min="8979" max="8992" width="4.875" style="340" customWidth="1"/>
    <col min="8993" max="8993" width="13.375" style="340" bestFit="1" customWidth="1"/>
    <col min="8994" max="9227" width="9" style="340"/>
    <col min="9228" max="9228" width="4.25" style="340" customWidth="1"/>
    <col min="9229" max="9229" width="25" style="340" customWidth="1"/>
    <col min="9230" max="9230" width="41.625" style="340" customWidth="1"/>
    <col min="9231" max="9231" width="19.625" style="340" customWidth="1"/>
    <col min="9232" max="9232" width="33.875" style="340" customWidth="1"/>
    <col min="9233" max="9233" width="25" style="340" customWidth="1"/>
    <col min="9234" max="9234" width="13.625" style="340" customWidth="1"/>
    <col min="9235" max="9248" width="4.875" style="340" customWidth="1"/>
    <col min="9249" max="9249" width="13.375" style="340" bestFit="1" customWidth="1"/>
    <col min="9250" max="9483" width="9" style="340"/>
    <col min="9484" max="9484" width="4.25" style="340" customWidth="1"/>
    <col min="9485" max="9485" width="25" style="340" customWidth="1"/>
    <col min="9486" max="9486" width="41.625" style="340" customWidth="1"/>
    <col min="9487" max="9487" width="19.625" style="340" customWidth="1"/>
    <col min="9488" max="9488" width="33.875" style="340" customWidth="1"/>
    <col min="9489" max="9489" width="25" style="340" customWidth="1"/>
    <col min="9490" max="9490" width="13.625" style="340" customWidth="1"/>
    <col min="9491" max="9504" width="4.875" style="340" customWidth="1"/>
    <col min="9505" max="9505" width="13.375" style="340" bestFit="1" customWidth="1"/>
    <col min="9506" max="9739" width="9" style="340"/>
    <col min="9740" max="9740" width="4.25" style="340" customWidth="1"/>
    <col min="9741" max="9741" width="25" style="340" customWidth="1"/>
    <col min="9742" max="9742" width="41.625" style="340" customWidth="1"/>
    <col min="9743" max="9743" width="19.625" style="340" customWidth="1"/>
    <col min="9744" max="9744" width="33.875" style="340" customWidth="1"/>
    <col min="9745" max="9745" width="25" style="340" customWidth="1"/>
    <col min="9746" max="9746" width="13.625" style="340" customWidth="1"/>
    <col min="9747" max="9760" width="4.875" style="340" customWidth="1"/>
    <col min="9761" max="9761" width="13.375" style="340" bestFit="1" customWidth="1"/>
    <col min="9762" max="9995" width="9" style="340"/>
    <col min="9996" max="9996" width="4.25" style="340" customWidth="1"/>
    <col min="9997" max="9997" width="25" style="340" customWidth="1"/>
    <col min="9998" max="9998" width="41.625" style="340" customWidth="1"/>
    <col min="9999" max="9999" width="19.625" style="340" customWidth="1"/>
    <col min="10000" max="10000" width="33.875" style="340" customWidth="1"/>
    <col min="10001" max="10001" width="25" style="340" customWidth="1"/>
    <col min="10002" max="10002" width="13.625" style="340" customWidth="1"/>
    <col min="10003" max="10016" width="4.875" style="340" customWidth="1"/>
    <col min="10017" max="10017" width="13.375" style="340" bestFit="1" customWidth="1"/>
    <col min="10018" max="10251" width="9" style="340"/>
    <col min="10252" max="10252" width="4.25" style="340" customWidth="1"/>
    <col min="10253" max="10253" width="25" style="340" customWidth="1"/>
    <col min="10254" max="10254" width="41.625" style="340" customWidth="1"/>
    <col min="10255" max="10255" width="19.625" style="340" customWidth="1"/>
    <col min="10256" max="10256" width="33.875" style="340" customWidth="1"/>
    <col min="10257" max="10257" width="25" style="340" customWidth="1"/>
    <col min="10258" max="10258" width="13.625" style="340" customWidth="1"/>
    <col min="10259" max="10272" width="4.875" style="340" customWidth="1"/>
    <col min="10273" max="10273" width="13.375" style="340" bestFit="1" customWidth="1"/>
    <col min="10274" max="10507" width="9" style="340"/>
    <col min="10508" max="10508" width="4.25" style="340" customWidth="1"/>
    <col min="10509" max="10509" width="25" style="340" customWidth="1"/>
    <col min="10510" max="10510" width="41.625" style="340" customWidth="1"/>
    <col min="10511" max="10511" width="19.625" style="340" customWidth="1"/>
    <col min="10512" max="10512" width="33.875" style="340" customWidth="1"/>
    <col min="10513" max="10513" width="25" style="340" customWidth="1"/>
    <col min="10514" max="10514" width="13.625" style="340" customWidth="1"/>
    <col min="10515" max="10528" width="4.875" style="340" customWidth="1"/>
    <col min="10529" max="10529" width="13.375" style="340" bestFit="1" customWidth="1"/>
    <col min="10530" max="10763" width="9" style="340"/>
    <col min="10764" max="10764" width="4.25" style="340" customWidth="1"/>
    <col min="10765" max="10765" width="25" style="340" customWidth="1"/>
    <col min="10766" max="10766" width="41.625" style="340" customWidth="1"/>
    <col min="10767" max="10767" width="19.625" style="340" customWidth="1"/>
    <col min="10768" max="10768" width="33.875" style="340" customWidth="1"/>
    <col min="10769" max="10769" width="25" style="340" customWidth="1"/>
    <col min="10770" max="10770" width="13.625" style="340" customWidth="1"/>
    <col min="10771" max="10784" width="4.875" style="340" customWidth="1"/>
    <col min="10785" max="10785" width="13.375" style="340" bestFit="1" customWidth="1"/>
    <col min="10786" max="11019" width="9" style="340"/>
    <col min="11020" max="11020" width="4.25" style="340" customWidth="1"/>
    <col min="11021" max="11021" width="25" style="340" customWidth="1"/>
    <col min="11022" max="11022" width="41.625" style="340" customWidth="1"/>
    <col min="11023" max="11023" width="19.625" style="340" customWidth="1"/>
    <col min="11024" max="11024" width="33.875" style="340" customWidth="1"/>
    <col min="11025" max="11025" width="25" style="340" customWidth="1"/>
    <col min="11026" max="11026" width="13.625" style="340" customWidth="1"/>
    <col min="11027" max="11040" width="4.875" style="340" customWidth="1"/>
    <col min="11041" max="11041" width="13.375" style="340" bestFit="1" customWidth="1"/>
    <col min="11042" max="11275" width="9" style="340"/>
    <col min="11276" max="11276" width="4.25" style="340" customWidth="1"/>
    <col min="11277" max="11277" width="25" style="340" customWidth="1"/>
    <col min="11278" max="11278" width="41.625" style="340" customWidth="1"/>
    <col min="11279" max="11279" width="19.625" style="340" customWidth="1"/>
    <col min="11280" max="11280" width="33.875" style="340" customWidth="1"/>
    <col min="11281" max="11281" width="25" style="340" customWidth="1"/>
    <col min="11282" max="11282" width="13.625" style="340" customWidth="1"/>
    <col min="11283" max="11296" width="4.875" style="340" customWidth="1"/>
    <col min="11297" max="11297" width="13.375" style="340" bestFit="1" customWidth="1"/>
    <col min="11298" max="11531" width="9" style="340"/>
    <col min="11532" max="11532" width="4.25" style="340" customWidth="1"/>
    <col min="11533" max="11533" width="25" style="340" customWidth="1"/>
    <col min="11534" max="11534" width="41.625" style="340" customWidth="1"/>
    <col min="11535" max="11535" width="19.625" style="340" customWidth="1"/>
    <col min="11536" max="11536" width="33.875" style="340" customWidth="1"/>
    <col min="11537" max="11537" width="25" style="340" customWidth="1"/>
    <col min="11538" max="11538" width="13.625" style="340" customWidth="1"/>
    <col min="11539" max="11552" width="4.875" style="340" customWidth="1"/>
    <col min="11553" max="11553" width="13.375" style="340" bestFit="1" customWidth="1"/>
    <col min="11554" max="11787" width="9" style="340"/>
    <col min="11788" max="11788" width="4.25" style="340" customWidth="1"/>
    <col min="11789" max="11789" width="25" style="340" customWidth="1"/>
    <col min="11790" max="11790" width="41.625" style="340" customWidth="1"/>
    <col min="11791" max="11791" width="19.625" style="340" customWidth="1"/>
    <col min="11792" max="11792" width="33.875" style="340" customWidth="1"/>
    <col min="11793" max="11793" width="25" style="340" customWidth="1"/>
    <col min="11794" max="11794" width="13.625" style="340" customWidth="1"/>
    <col min="11795" max="11808" width="4.875" style="340" customWidth="1"/>
    <col min="11809" max="11809" width="13.375" style="340" bestFit="1" customWidth="1"/>
    <col min="11810" max="12043" width="9" style="340"/>
    <col min="12044" max="12044" width="4.25" style="340" customWidth="1"/>
    <col min="12045" max="12045" width="25" style="340" customWidth="1"/>
    <col min="12046" max="12046" width="41.625" style="340" customWidth="1"/>
    <col min="12047" max="12047" width="19.625" style="340" customWidth="1"/>
    <col min="12048" max="12048" width="33.875" style="340" customWidth="1"/>
    <col min="12049" max="12049" width="25" style="340" customWidth="1"/>
    <col min="12050" max="12050" width="13.625" style="340" customWidth="1"/>
    <col min="12051" max="12064" width="4.875" style="340" customWidth="1"/>
    <col min="12065" max="12065" width="13.375" style="340" bestFit="1" customWidth="1"/>
    <col min="12066" max="12299" width="9" style="340"/>
    <col min="12300" max="12300" width="4.25" style="340" customWidth="1"/>
    <col min="12301" max="12301" width="25" style="340" customWidth="1"/>
    <col min="12302" max="12302" width="41.625" style="340" customWidth="1"/>
    <col min="12303" max="12303" width="19.625" style="340" customWidth="1"/>
    <col min="12304" max="12304" width="33.875" style="340" customWidth="1"/>
    <col min="12305" max="12305" width="25" style="340" customWidth="1"/>
    <col min="12306" max="12306" width="13.625" style="340" customWidth="1"/>
    <col min="12307" max="12320" width="4.875" style="340" customWidth="1"/>
    <col min="12321" max="12321" width="13.375" style="340" bestFit="1" customWidth="1"/>
    <col min="12322" max="12555" width="9" style="340"/>
    <col min="12556" max="12556" width="4.25" style="340" customWidth="1"/>
    <col min="12557" max="12557" width="25" style="340" customWidth="1"/>
    <col min="12558" max="12558" width="41.625" style="340" customWidth="1"/>
    <col min="12559" max="12559" width="19.625" style="340" customWidth="1"/>
    <col min="12560" max="12560" width="33.875" style="340" customWidth="1"/>
    <col min="12561" max="12561" width="25" style="340" customWidth="1"/>
    <col min="12562" max="12562" width="13.625" style="340" customWidth="1"/>
    <col min="12563" max="12576" width="4.875" style="340" customWidth="1"/>
    <col min="12577" max="12577" width="13.375" style="340" bestFit="1" customWidth="1"/>
    <col min="12578" max="12811" width="9" style="340"/>
    <col min="12812" max="12812" width="4.25" style="340" customWidth="1"/>
    <col min="12813" max="12813" width="25" style="340" customWidth="1"/>
    <col min="12814" max="12814" width="41.625" style="340" customWidth="1"/>
    <col min="12815" max="12815" width="19.625" style="340" customWidth="1"/>
    <col min="12816" max="12816" width="33.875" style="340" customWidth="1"/>
    <col min="12817" max="12817" width="25" style="340" customWidth="1"/>
    <col min="12818" max="12818" width="13.625" style="340" customWidth="1"/>
    <col min="12819" max="12832" width="4.875" style="340" customWidth="1"/>
    <col min="12833" max="12833" width="13.375" style="340" bestFit="1" customWidth="1"/>
    <col min="12834" max="13067" width="9" style="340"/>
    <col min="13068" max="13068" width="4.25" style="340" customWidth="1"/>
    <col min="13069" max="13069" width="25" style="340" customWidth="1"/>
    <col min="13070" max="13070" width="41.625" style="340" customWidth="1"/>
    <col min="13071" max="13071" width="19.625" style="340" customWidth="1"/>
    <col min="13072" max="13072" width="33.875" style="340" customWidth="1"/>
    <col min="13073" max="13073" width="25" style="340" customWidth="1"/>
    <col min="13074" max="13074" width="13.625" style="340" customWidth="1"/>
    <col min="13075" max="13088" width="4.875" style="340" customWidth="1"/>
    <col min="13089" max="13089" width="13.375" style="340" bestFit="1" customWidth="1"/>
    <col min="13090" max="13323" width="9" style="340"/>
    <col min="13324" max="13324" width="4.25" style="340" customWidth="1"/>
    <col min="13325" max="13325" width="25" style="340" customWidth="1"/>
    <col min="13326" max="13326" width="41.625" style="340" customWidth="1"/>
    <col min="13327" max="13327" width="19.625" style="340" customWidth="1"/>
    <col min="13328" max="13328" width="33.875" style="340" customWidth="1"/>
    <col min="13329" max="13329" width="25" style="340" customWidth="1"/>
    <col min="13330" max="13330" width="13.625" style="340" customWidth="1"/>
    <col min="13331" max="13344" width="4.875" style="340" customWidth="1"/>
    <col min="13345" max="13345" width="13.375" style="340" bestFit="1" customWidth="1"/>
    <col min="13346" max="13579" width="9" style="340"/>
    <col min="13580" max="13580" width="4.25" style="340" customWidth="1"/>
    <col min="13581" max="13581" width="25" style="340" customWidth="1"/>
    <col min="13582" max="13582" width="41.625" style="340" customWidth="1"/>
    <col min="13583" max="13583" width="19.625" style="340" customWidth="1"/>
    <col min="13584" max="13584" width="33.875" style="340" customWidth="1"/>
    <col min="13585" max="13585" width="25" style="340" customWidth="1"/>
    <col min="13586" max="13586" width="13.625" style="340" customWidth="1"/>
    <col min="13587" max="13600" width="4.875" style="340" customWidth="1"/>
    <col min="13601" max="13601" width="13.375" style="340" bestFit="1" customWidth="1"/>
    <col min="13602" max="13835" width="9" style="340"/>
    <col min="13836" max="13836" width="4.25" style="340" customWidth="1"/>
    <col min="13837" max="13837" width="25" style="340" customWidth="1"/>
    <col min="13838" max="13838" width="41.625" style="340" customWidth="1"/>
    <col min="13839" max="13839" width="19.625" style="340" customWidth="1"/>
    <col min="13840" max="13840" width="33.875" style="340" customWidth="1"/>
    <col min="13841" max="13841" width="25" style="340" customWidth="1"/>
    <col min="13842" max="13842" width="13.625" style="340" customWidth="1"/>
    <col min="13843" max="13856" width="4.875" style="340" customWidth="1"/>
    <col min="13857" max="13857" width="13.375" style="340" bestFit="1" customWidth="1"/>
    <col min="13858" max="14091" width="9" style="340"/>
    <col min="14092" max="14092" width="4.25" style="340" customWidth="1"/>
    <col min="14093" max="14093" width="25" style="340" customWidth="1"/>
    <col min="14094" max="14094" width="41.625" style="340" customWidth="1"/>
    <col min="14095" max="14095" width="19.625" style="340" customWidth="1"/>
    <col min="14096" max="14096" width="33.875" style="340" customWidth="1"/>
    <col min="14097" max="14097" width="25" style="340" customWidth="1"/>
    <col min="14098" max="14098" width="13.625" style="340" customWidth="1"/>
    <col min="14099" max="14112" width="4.875" style="340" customWidth="1"/>
    <col min="14113" max="14113" width="13.375" style="340" bestFit="1" customWidth="1"/>
    <col min="14114" max="14347" width="9" style="340"/>
    <col min="14348" max="14348" width="4.25" style="340" customWidth="1"/>
    <col min="14349" max="14349" width="25" style="340" customWidth="1"/>
    <col min="14350" max="14350" width="41.625" style="340" customWidth="1"/>
    <col min="14351" max="14351" width="19.625" style="340" customWidth="1"/>
    <col min="14352" max="14352" width="33.875" style="340" customWidth="1"/>
    <col min="14353" max="14353" width="25" style="340" customWidth="1"/>
    <col min="14354" max="14354" width="13.625" style="340" customWidth="1"/>
    <col min="14355" max="14368" width="4.875" style="340" customWidth="1"/>
    <col min="14369" max="14369" width="13.375" style="340" bestFit="1" customWidth="1"/>
    <col min="14370" max="14603" width="9" style="340"/>
    <col min="14604" max="14604" width="4.25" style="340" customWidth="1"/>
    <col min="14605" max="14605" width="25" style="340" customWidth="1"/>
    <col min="14606" max="14606" width="41.625" style="340" customWidth="1"/>
    <col min="14607" max="14607" width="19.625" style="340" customWidth="1"/>
    <col min="14608" max="14608" width="33.875" style="340" customWidth="1"/>
    <col min="14609" max="14609" width="25" style="340" customWidth="1"/>
    <col min="14610" max="14610" width="13.625" style="340" customWidth="1"/>
    <col min="14611" max="14624" width="4.875" style="340" customWidth="1"/>
    <col min="14625" max="14625" width="13.375" style="340" bestFit="1" customWidth="1"/>
    <col min="14626" max="14859" width="9" style="340"/>
    <col min="14860" max="14860" width="4.25" style="340" customWidth="1"/>
    <col min="14861" max="14861" width="25" style="340" customWidth="1"/>
    <col min="14862" max="14862" width="41.625" style="340" customWidth="1"/>
    <col min="14863" max="14863" width="19.625" style="340" customWidth="1"/>
    <col min="14864" max="14864" width="33.875" style="340" customWidth="1"/>
    <col min="14865" max="14865" width="25" style="340" customWidth="1"/>
    <col min="14866" max="14866" width="13.625" style="340" customWidth="1"/>
    <col min="14867" max="14880" width="4.875" style="340" customWidth="1"/>
    <col min="14881" max="14881" width="13.375" style="340" bestFit="1" customWidth="1"/>
    <col min="14882" max="15115" width="9" style="340"/>
    <col min="15116" max="15116" width="4.25" style="340" customWidth="1"/>
    <col min="15117" max="15117" width="25" style="340" customWidth="1"/>
    <col min="15118" max="15118" width="41.625" style="340" customWidth="1"/>
    <col min="15119" max="15119" width="19.625" style="340" customWidth="1"/>
    <col min="15120" max="15120" width="33.875" style="340" customWidth="1"/>
    <col min="15121" max="15121" width="25" style="340" customWidth="1"/>
    <col min="15122" max="15122" width="13.625" style="340" customWidth="1"/>
    <col min="15123" max="15136" width="4.875" style="340" customWidth="1"/>
    <col min="15137" max="15137" width="13.375" style="340" bestFit="1" customWidth="1"/>
    <col min="15138" max="15371" width="9" style="340"/>
    <col min="15372" max="15372" width="4.25" style="340" customWidth="1"/>
    <col min="15373" max="15373" width="25" style="340" customWidth="1"/>
    <col min="15374" max="15374" width="41.625" style="340" customWidth="1"/>
    <col min="15375" max="15375" width="19.625" style="340" customWidth="1"/>
    <col min="15376" max="15376" width="33.875" style="340" customWidth="1"/>
    <col min="15377" max="15377" width="25" style="340" customWidth="1"/>
    <col min="15378" max="15378" width="13.625" style="340" customWidth="1"/>
    <col min="15379" max="15392" width="4.875" style="340" customWidth="1"/>
    <col min="15393" max="15393" width="13.375" style="340" bestFit="1" customWidth="1"/>
    <col min="15394" max="15627" width="9" style="340"/>
    <col min="15628" max="15628" width="4.25" style="340" customWidth="1"/>
    <col min="15629" max="15629" width="25" style="340" customWidth="1"/>
    <col min="15630" max="15630" width="41.625" style="340" customWidth="1"/>
    <col min="15631" max="15631" width="19.625" style="340" customWidth="1"/>
    <col min="15632" max="15632" width="33.875" style="340" customWidth="1"/>
    <col min="15633" max="15633" width="25" style="340" customWidth="1"/>
    <col min="15634" max="15634" width="13.625" style="340" customWidth="1"/>
    <col min="15635" max="15648" width="4.875" style="340" customWidth="1"/>
    <col min="15649" max="15649" width="13.375" style="340" bestFit="1" customWidth="1"/>
    <col min="15650" max="15883" width="9" style="340"/>
    <col min="15884" max="15884" width="4.25" style="340" customWidth="1"/>
    <col min="15885" max="15885" width="25" style="340" customWidth="1"/>
    <col min="15886" max="15886" width="41.625" style="340" customWidth="1"/>
    <col min="15887" max="15887" width="19.625" style="340" customWidth="1"/>
    <col min="15888" max="15888" width="33.875" style="340" customWidth="1"/>
    <col min="15889" max="15889" width="25" style="340" customWidth="1"/>
    <col min="15890" max="15890" width="13.625" style="340" customWidth="1"/>
    <col min="15891" max="15904" width="4.875" style="340" customWidth="1"/>
    <col min="15905" max="15905" width="13.375" style="340" bestFit="1" customWidth="1"/>
    <col min="15906" max="16139" width="9" style="340"/>
    <col min="16140" max="16140" width="4.25" style="340" customWidth="1"/>
    <col min="16141" max="16141" width="25" style="340" customWidth="1"/>
    <col min="16142" max="16142" width="41.625" style="340" customWidth="1"/>
    <col min="16143" max="16143" width="19.625" style="340" customWidth="1"/>
    <col min="16144" max="16144" width="33.875" style="340" customWidth="1"/>
    <col min="16145" max="16145" width="25" style="340" customWidth="1"/>
    <col min="16146" max="16146" width="13.625" style="340" customWidth="1"/>
    <col min="16147" max="16160" width="4.875" style="340" customWidth="1"/>
    <col min="16161" max="16161" width="13.375" style="340" bestFit="1" customWidth="1"/>
    <col min="16162" max="16384" width="9" style="340"/>
  </cols>
  <sheetData>
    <row r="1" spans="1:32" ht="20.25" customHeight="1" x14ac:dyDescent="0.15">
      <c r="A1" s="87" t="s">
        <v>210</v>
      </c>
    </row>
    <row r="2" spans="1:32" ht="20.25" customHeight="1" x14ac:dyDescent="0.15">
      <c r="A2" s="383" t="s">
        <v>209</v>
      </c>
      <c r="B2" s="383"/>
      <c r="C2" s="383"/>
      <c r="D2" s="383"/>
      <c r="E2" s="383"/>
      <c r="F2" s="383"/>
      <c r="G2" s="383"/>
      <c r="H2" s="383"/>
      <c r="I2" s="383"/>
      <c r="J2" s="383"/>
      <c r="K2" s="383"/>
      <c r="L2" s="383"/>
      <c r="M2" s="383"/>
      <c r="N2" s="383"/>
      <c r="O2" s="383"/>
      <c r="P2" s="383"/>
      <c r="Q2" s="383"/>
      <c r="R2" s="383"/>
      <c r="S2" s="383"/>
      <c r="T2" s="383"/>
      <c r="U2" s="383"/>
      <c r="V2" s="383"/>
      <c r="W2" s="383"/>
      <c r="X2" s="383"/>
      <c r="Y2" s="383"/>
      <c r="Z2" s="383"/>
      <c r="AA2" s="383"/>
      <c r="AB2" s="383"/>
      <c r="AC2" s="383"/>
      <c r="AD2" s="383"/>
      <c r="AE2" s="383"/>
      <c r="AF2" s="383"/>
    </row>
    <row r="3" spans="1:32" ht="20.25" customHeight="1" x14ac:dyDescent="0.15">
      <c r="A3" s="142"/>
      <c r="B3" s="142"/>
      <c r="C3" s="330"/>
      <c r="D3" s="330"/>
      <c r="E3" s="330"/>
      <c r="F3" s="330"/>
      <c r="G3" s="330"/>
      <c r="H3" s="330"/>
      <c r="I3" s="330"/>
      <c r="J3" s="330"/>
      <c r="K3" s="330"/>
      <c r="L3" s="330"/>
      <c r="M3" s="330"/>
      <c r="N3" s="330"/>
      <c r="O3" s="330"/>
      <c r="P3" s="330"/>
      <c r="Q3" s="330"/>
      <c r="R3" s="330"/>
      <c r="S3" s="330"/>
      <c r="T3" s="330"/>
      <c r="U3" s="330"/>
      <c r="V3" s="330"/>
      <c r="W3" s="330"/>
      <c r="X3" s="330"/>
      <c r="Y3" s="330"/>
      <c r="Z3" s="330"/>
      <c r="AA3" s="330"/>
      <c r="AB3" s="330"/>
      <c r="AC3" s="330"/>
      <c r="AD3" s="330"/>
      <c r="AE3" s="330"/>
      <c r="AF3" s="330"/>
    </row>
    <row r="4" spans="1:32" ht="30" customHeight="1" x14ac:dyDescent="0.15">
      <c r="A4" s="142"/>
      <c r="B4" s="142"/>
      <c r="C4" s="330"/>
      <c r="D4" s="330"/>
      <c r="E4" s="330"/>
      <c r="F4" s="330"/>
      <c r="G4" s="330"/>
      <c r="H4" s="330"/>
      <c r="I4" s="330"/>
      <c r="S4" s="384" t="s">
        <v>100</v>
      </c>
      <c r="T4" s="385"/>
      <c r="U4" s="385"/>
      <c r="V4" s="386"/>
      <c r="W4" s="348">
        <v>3</v>
      </c>
      <c r="X4" s="349">
        <v>4</v>
      </c>
      <c r="Y4" s="349"/>
      <c r="Z4" s="349"/>
      <c r="AA4" s="349"/>
      <c r="AB4" s="349"/>
      <c r="AC4" s="349"/>
      <c r="AD4" s="349"/>
      <c r="AE4" s="349"/>
      <c r="AF4" s="350"/>
    </row>
    <row r="5" spans="1:32" ht="20.25" customHeight="1" x14ac:dyDescent="0.15">
      <c r="A5" s="142"/>
      <c r="B5" s="142"/>
      <c r="C5" s="330"/>
      <c r="D5" s="330"/>
      <c r="E5" s="330"/>
      <c r="F5" s="330"/>
      <c r="G5" s="330"/>
      <c r="H5" s="330"/>
      <c r="I5" s="330"/>
      <c r="J5" s="330"/>
      <c r="K5" s="330"/>
      <c r="L5" s="330"/>
      <c r="M5" s="330"/>
      <c r="N5" s="330"/>
      <c r="O5" s="330"/>
      <c r="P5" s="330"/>
      <c r="Q5" s="330"/>
      <c r="R5" s="330"/>
      <c r="S5" s="330"/>
      <c r="T5" s="330"/>
      <c r="U5" s="330"/>
      <c r="V5" s="330"/>
      <c r="W5" s="330"/>
      <c r="X5" s="330"/>
      <c r="Y5" s="330"/>
      <c r="Z5" s="330"/>
      <c r="AA5" s="330"/>
      <c r="AB5" s="330"/>
      <c r="AC5" s="330"/>
      <c r="AD5" s="330"/>
      <c r="AE5" s="330"/>
      <c r="AF5" s="330"/>
    </row>
    <row r="6" spans="1:32" ht="17.25" customHeight="1" x14ac:dyDescent="0.15">
      <c r="A6" s="384" t="s">
        <v>101</v>
      </c>
      <c r="B6" s="385"/>
      <c r="C6" s="386"/>
      <c r="D6" s="384" t="s">
        <v>1</v>
      </c>
      <c r="E6" s="386"/>
      <c r="F6" s="384" t="s">
        <v>102</v>
      </c>
      <c r="G6" s="386"/>
      <c r="H6" s="384" t="s">
        <v>195</v>
      </c>
      <c r="I6" s="385"/>
      <c r="J6" s="385"/>
      <c r="K6" s="385"/>
      <c r="L6" s="385"/>
      <c r="M6" s="385"/>
      <c r="N6" s="385"/>
      <c r="O6" s="385"/>
      <c r="P6" s="385"/>
      <c r="Q6" s="385"/>
      <c r="R6" s="385"/>
      <c r="S6" s="385"/>
      <c r="T6" s="385"/>
      <c r="U6" s="385"/>
      <c r="V6" s="385"/>
      <c r="W6" s="385"/>
      <c r="X6" s="385"/>
      <c r="Y6" s="385"/>
      <c r="Z6" s="385"/>
      <c r="AA6" s="385"/>
      <c r="AB6" s="385"/>
      <c r="AC6" s="385"/>
      <c r="AD6" s="385"/>
      <c r="AE6" s="385"/>
      <c r="AF6" s="386"/>
    </row>
    <row r="7" spans="1:32" ht="18.75" customHeight="1" x14ac:dyDescent="0.15">
      <c r="A7" s="394" t="s">
        <v>105</v>
      </c>
      <c r="B7" s="395"/>
      <c r="C7" s="396"/>
      <c r="D7" s="333"/>
      <c r="E7" s="155"/>
      <c r="F7" s="153"/>
      <c r="G7" s="110"/>
      <c r="H7" s="372" t="s">
        <v>106</v>
      </c>
      <c r="I7" s="228" t="s">
        <v>363</v>
      </c>
      <c r="J7" s="109" t="s">
        <v>241</v>
      </c>
      <c r="K7" s="159"/>
      <c r="L7" s="159"/>
      <c r="M7" s="229" t="s">
        <v>363</v>
      </c>
      <c r="N7" s="109" t="s">
        <v>242</v>
      </c>
      <c r="O7" s="159"/>
      <c r="P7" s="159"/>
      <c r="Q7" s="229" t="s">
        <v>363</v>
      </c>
      <c r="R7" s="109" t="s">
        <v>243</v>
      </c>
      <c r="S7" s="159"/>
      <c r="T7" s="159"/>
      <c r="U7" s="229" t="s">
        <v>363</v>
      </c>
      <c r="V7" s="109" t="s">
        <v>244</v>
      </c>
      <c r="W7" s="159"/>
      <c r="X7" s="159"/>
      <c r="Y7" s="109"/>
      <c r="Z7" s="159"/>
      <c r="AA7" s="159"/>
      <c r="AB7" s="159"/>
      <c r="AC7" s="159"/>
      <c r="AD7" s="159"/>
      <c r="AE7" s="159"/>
      <c r="AF7" s="175"/>
    </row>
    <row r="8" spans="1:32" ht="18.75" customHeight="1" x14ac:dyDescent="0.15">
      <c r="A8" s="397"/>
      <c r="B8" s="398"/>
      <c r="C8" s="399"/>
      <c r="D8" s="335"/>
      <c r="E8" s="157"/>
      <c r="F8" s="156"/>
      <c r="G8" s="198"/>
      <c r="H8" s="387"/>
      <c r="I8" s="217" t="s">
        <v>363</v>
      </c>
      <c r="J8" s="91" t="s">
        <v>245</v>
      </c>
      <c r="K8" s="151"/>
      <c r="L8" s="151"/>
      <c r="M8" s="231" t="s">
        <v>363</v>
      </c>
      <c r="N8" s="91" t="s">
        <v>246</v>
      </c>
      <c r="O8" s="151"/>
      <c r="P8" s="151"/>
      <c r="Q8" s="231" t="s">
        <v>363</v>
      </c>
      <c r="R8" s="91" t="s">
        <v>247</v>
      </c>
      <c r="S8" s="151"/>
      <c r="T8" s="151"/>
      <c r="U8" s="231" t="s">
        <v>363</v>
      </c>
      <c r="V8" s="91" t="s">
        <v>248</v>
      </c>
      <c r="W8" s="151"/>
      <c r="X8" s="151"/>
      <c r="Y8" s="339"/>
      <c r="Z8" s="345"/>
      <c r="AA8" s="345"/>
      <c r="AB8" s="345"/>
      <c r="AC8" s="345"/>
      <c r="AD8" s="345"/>
      <c r="AE8" s="345"/>
      <c r="AF8" s="346"/>
    </row>
    <row r="9" spans="1:32" ht="18.75" customHeight="1" x14ac:dyDescent="0.15">
      <c r="A9" s="108"/>
      <c r="B9" s="334"/>
      <c r="C9" s="162"/>
      <c r="D9" s="153"/>
      <c r="E9" s="175"/>
      <c r="F9" s="137"/>
      <c r="G9" s="110"/>
      <c r="H9" s="235" t="s">
        <v>147</v>
      </c>
      <c r="I9" s="329" t="s">
        <v>363</v>
      </c>
      <c r="J9" s="188" t="s">
        <v>250</v>
      </c>
      <c r="K9" s="190"/>
      <c r="L9" s="331" t="s">
        <v>363</v>
      </c>
      <c r="M9" s="188" t="s">
        <v>263</v>
      </c>
      <c r="N9" s="190"/>
      <c r="O9" s="178"/>
      <c r="P9" s="178"/>
      <c r="Q9" s="178"/>
      <c r="R9" s="178"/>
      <c r="S9" s="178"/>
      <c r="T9" s="178"/>
      <c r="U9" s="178"/>
      <c r="V9" s="178"/>
      <c r="W9" s="178"/>
      <c r="X9" s="178"/>
      <c r="Y9" s="178"/>
      <c r="Z9" s="178"/>
      <c r="AA9" s="178"/>
      <c r="AB9" s="178"/>
      <c r="AC9" s="178"/>
      <c r="AD9" s="178"/>
      <c r="AE9" s="178"/>
      <c r="AF9" s="179"/>
    </row>
    <row r="10" spans="1:32" ht="18.75" customHeight="1" x14ac:dyDescent="0.15">
      <c r="A10" s="213"/>
      <c r="B10" s="205"/>
      <c r="C10" s="163"/>
      <c r="D10" s="170"/>
      <c r="E10" s="150"/>
      <c r="F10" s="216"/>
      <c r="G10" s="139"/>
      <c r="H10" s="369" t="s">
        <v>217</v>
      </c>
      <c r="I10" s="361" t="s">
        <v>363</v>
      </c>
      <c r="J10" s="363" t="s">
        <v>254</v>
      </c>
      <c r="K10" s="363"/>
      <c r="L10" s="363"/>
      <c r="M10" s="361" t="s">
        <v>363</v>
      </c>
      <c r="N10" s="363" t="s">
        <v>255</v>
      </c>
      <c r="O10" s="363"/>
      <c r="P10" s="363"/>
      <c r="Q10" s="176"/>
      <c r="R10" s="176"/>
      <c r="S10" s="176"/>
      <c r="T10" s="176"/>
      <c r="U10" s="176"/>
      <c r="V10" s="176"/>
      <c r="W10" s="176"/>
      <c r="X10" s="176"/>
      <c r="Y10" s="176"/>
      <c r="Z10" s="176"/>
      <c r="AA10" s="176"/>
      <c r="AB10" s="176"/>
      <c r="AC10" s="176"/>
      <c r="AD10" s="176"/>
      <c r="AE10" s="176"/>
      <c r="AF10" s="177"/>
    </row>
    <row r="11" spans="1:32" ht="18.75" customHeight="1" x14ac:dyDescent="0.15">
      <c r="A11" s="328" t="s">
        <v>363</v>
      </c>
      <c r="B11" s="205">
        <v>63</v>
      </c>
      <c r="C11" s="163" t="s">
        <v>120</v>
      </c>
      <c r="D11" s="328" t="s">
        <v>363</v>
      </c>
      <c r="E11" s="150" t="s">
        <v>267</v>
      </c>
      <c r="F11" s="216"/>
      <c r="G11" s="139"/>
      <c r="H11" s="370"/>
      <c r="I11" s="362"/>
      <c r="J11" s="364"/>
      <c r="K11" s="364"/>
      <c r="L11" s="364"/>
      <c r="M11" s="362"/>
      <c r="N11" s="364"/>
      <c r="O11" s="364"/>
      <c r="P11" s="364"/>
      <c r="Q11" s="178"/>
      <c r="R11" s="178"/>
      <c r="S11" s="178"/>
      <c r="T11" s="178"/>
      <c r="U11" s="178"/>
      <c r="V11" s="178"/>
      <c r="W11" s="178"/>
      <c r="X11" s="178"/>
      <c r="Y11" s="178"/>
      <c r="Z11" s="178"/>
      <c r="AA11" s="178"/>
      <c r="AB11" s="178"/>
      <c r="AC11" s="178"/>
      <c r="AD11" s="178"/>
      <c r="AE11" s="178"/>
      <c r="AF11" s="179"/>
    </row>
    <row r="12" spans="1:32" ht="18.75" customHeight="1" x14ac:dyDescent="0.15">
      <c r="A12" s="213"/>
      <c r="B12" s="205"/>
      <c r="C12" s="163"/>
      <c r="D12" s="328" t="s">
        <v>363</v>
      </c>
      <c r="E12" s="150" t="s">
        <v>266</v>
      </c>
      <c r="F12" s="216"/>
      <c r="G12" s="139"/>
      <c r="H12" s="369" t="s">
        <v>218</v>
      </c>
      <c r="I12" s="365" t="s">
        <v>363</v>
      </c>
      <c r="J12" s="363" t="s">
        <v>254</v>
      </c>
      <c r="K12" s="363"/>
      <c r="L12" s="363"/>
      <c r="M12" s="361" t="s">
        <v>363</v>
      </c>
      <c r="N12" s="363" t="s">
        <v>255</v>
      </c>
      <c r="O12" s="363"/>
      <c r="P12" s="363"/>
      <c r="Q12" s="176"/>
      <c r="R12" s="176"/>
      <c r="S12" s="176"/>
      <c r="T12" s="176"/>
      <c r="U12" s="176"/>
      <c r="V12" s="176"/>
      <c r="W12" s="176"/>
      <c r="X12" s="176"/>
      <c r="Y12" s="176"/>
      <c r="Z12" s="176"/>
      <c r="AA12" s="176"/>
      <c r="AB12" s="176"/>
      <c r="AC12" s="176"/>
      <c r="AD12" s="176"/>
      <c r="AE12" s="176"/>
      <c r="AF12" s="177"/>
    </row>
    <row r="13" spans="1:32" ht="18.75" customHeight="1" x14ac:dyDescent="0.15">
      <c r="A13" s="215"/>
      <c r="B13" s="336"/>
      <c r="C13" s="164"/>
      <c r="D13" s="156"/>
      <c r="E13" s="152"/>
      <c r="F13" s="92"/>
      <c r="G13" s="198"/>
      <c r="H13" s="371"/>
      <c r="I13" s="366"/>
      <c r="J13" s="367"/>
      <c r="K13" s="367"/>
      <c r="L13" s="367"/>
      <c r="M13" s="368"/>
      <c r="N13" s="367"/>
      <c r="O13" s="367"/>
      <c r="P13" s="367"/>
      <c r="Q13" s="201"/>
      <c r="R13" s="201"/>
      <c r="S13" s="201"/>
      <c r="T13" s="201"/>
      <c r="U13" s="201"/>
      <c r="V13" s="201"/>
      <c r="W13" s="201"/>
      <c r="X13" s="201"/>
      <c r="Y13" s="201"/>
      <c r="Z13" s="201"/>
      <c r="AA13" s="201"/>
      <c r="AB13" s="201"/>
      <c r="AC13" s="201"/>
      <c r="AD13" s="201"/>
      <c r="AE13" s="201"/>
      <c r="AF13" s="202"/>
    </row>
    <row r="14" spans="1:32" ht="18.75" customHeight="1" x14ac:dyDescent="0.15">
      <c r="A14" s="108"/>
      <c r="B14" s="334"/>
      <c r="C14" s="337"/>
      <c r="D14" s="342"/>
      <c r="E14" s="175"/>
      <c r="F14" s="342"/>
      <c r="G14" s="110"/>
      <c r="H14" s="173" t="s">
        <v>147</v>
      </c>
      <c r="I14" s="329" t="s">
        <v>363</v>
      </c>
      <c r="J14" s="188" t="s">
        <v>250</v>
      </c>
      <c r="K14" s="190"/>
      <c r="L14" s="331" t="s">
        <v>363</v>
      </c>
      <c r="M14" s="188" t="s">
        <v>263</v>
      </c>
      <c r="N14" s="190"/>
      <c r="O14" s="178"/>
      <c r="P14" s="178"/>
      <c r="Q14" s="178"/>
      <c r="R14" s="178"/>
      <c r="S14" s="178"/>
      <c r="T14" s="178"/>
      <c r="U14" s="178"/>
      <c r="V14" s="178"/>
      <c r="W14" s="178"/>
      <c r="X14" s="178"/>
      <c r="Y14" s="178"/>
      <c r="Z14" s="178"/>
      <c r="AA14" s="178"/>
      <c r="AB14" s="178"/>
      <c r="AC14" s="178"/>
      <c r="AD14" s="178"/>
      <c r="AE14" s="178"/>
      <c r="AF14" s="179"/>
    </row>
    <row r="15" spans="1:32" ht="18.75" customHeight="1" x14ac:dyDescent="0.15">
      <c r="A15" s="213"/>
      <c r="B15" s="205"/>
      <c r="C15" s="338"/>
      <c r="D15" s="343"/>
      <c r="E15" s="150"/>
      <c r="F15" s="343"/>
      <c r="G15" s="139"/>
      <c r="H15" s="369" t="s">
        <v>217</v>
      </c>
      <c r="I15" s="361" t="s">
        <v>363</v>
      </c>
      <c r="J15" s="363" t="s">
        <v>254</v>
      </c>
      <c r="K15" s="363"/>
      <c r="L15" s="363"/>
      <c r="M15" s="361" t="s">
        <v>363</v>
      </c>
      <c r="N15" s="363" t="s">
        <v>255</v>
      </c>
      <c r="O15" s="363"/>
      <c r="P15" s="363"/>
      <c r="Q15" s="176"/>
      <c r="R15" s="176"/>
      <c r="S15" s="176"/>
      <c r="T15" s="176"/>
      <c r="U15" s="176"/>
      <c r="V15" s="176"/>
      <c r="W15" s="176"/>
      <c r="X15" s="176"/>
      <c r="Y15" s="176"/>
      <c r="Z15" s="176"/>
      <c r="AA15" s="176"/>
      <c r="AB15" s="176"/>
      <c r="AC15" s="176"/>
      <c r="AD15" s="176"/>
      <c r="AE15" s="176"/>
      <c r="AF15" s="177"/>
    </row>
    <row r="16" spans="1:32" ht="18.75" customHeight="1" x14ac:dyDescent="0.15">
      <c r="A16" s="328" t="s">
        <v>363</v>
      </c>
      <c r="B16" s="205">
        <v>64</v>
      </c>
      <c r="C16" s="338" t="s">
        <v>370</v>
      </c>
      <c r="D16" s="328" t="s">
        <v>363</v>
      </c>
      <c r="E16" s="150" t="s">
        <v>369</v>
      </c>
      <c r="F16" s="343"/>
      <c r="G16" s="139"/>
      <c r="H16" s="370"/>
      <c r="I16" s="362"/>
      <c r="J16" s="364"/>
      <c r="K16" s="364"/>
      <c r="L16" s="364"/>
      <c r="M16" s="362"/>
      <c r="N16" s="364"/>
      <c r="O16" s="364"/>
      <c r="P16" s="364"/>
      <c r="Q16" s="178"/>
      <c r="R16" s="178"/>
      <c r="S16" s="178"/>
      <c r="T16" s="178"/>
      <c r="U16" s="178"/>
      <c r="V16" s="178"/>
      <c r="W16" s="178"/>
      <c r="X16" s="178"/>
      <c r="Y16" s="178"/>
      <c r="Z16" s="178"/>
      <c r="AA16" s="178"/>
      <c r="AB16" s="178"/>
      <c r="AC16" s="178"/>
      <c r="AD16" s="178"/>
      <c r="AE16" s="178"/>
      <c r="AF16" s="179"/>
    </row>
    <row r="17" spans="1:32" ht="18.75" customHeight="1" x14ac:dyDescent="0.15">
      <c r="A17" s="213"/>
      <c r="B17" s="205"/>
      <c r="C17" s="338" t="s">
        <v>371</v>
      </c>
      <c r="D17" s="328" t="s">
        <v>363</v>
      </c>
      <c r="E17" s="150" t="s">
        <v>269</v>
      </c>
      <c r="F17" s="343"/>
      <c r="G17" s="139"/>
      <c r="H17" s="369" t="s">
        <v>218</v>
      </c>
      <c r="I17" s="361" t="s">
        <v>363</v>
      </c>
      <c r="J17" s="363" t="s">
        <v>254</v>
      </c>
      <c r="K17" s="363"/>
      <c r="L17" s="363"/>
      <c r="M17" s="361" t="s">
        <v>363</v>
      </c>
      <c r="N17" s="363" t="s">
        <v>255</v>
      </c>
      <c r="O17" s="363"/>
      <c r="P17" s="363"/>
      <c r="Q17" s="176"/>
      <c r="R17" s="176"/>
      <c r="S17" s="176"/>
      <c r="T17" s="176"/>
      <c r="U17" s="176"/>
      <c r="V17" s="176"/>
      <c r="W17" s="176"/>
      <c r="X17" s="176"/>
      <c r="Y17" s="176"/>
      <c r="Z17" s="176"/>
      <c r="AA17" s="176"/>
      <c r="AB17" s="176"/>
      <c r="AC17" s="176"/>
      <c r="AD17" s="176"/>
      <c r="AE17" s="176"/>
      <c r="AF17" s="177"/>
    </row>
    <row r="18" spans="1:32" ht="18.75" customHeight="1" x14ac:dyDescent="0.15">
      <c r="A18" s="213"/>
      <c r="B18" s="205"/>
      <c r="C18" s="338"/>
      <c r="D18" s="328" t="s">
        <v>363</v>
      </c>
      <c r="E18" s="150" t="s">
        <v>270</v>
      </c>
      <c r="F18" s="343"/>
      <c r="G18" s="139"/>
      <c r="H18" s="370"/>
      <c r="I18" s="362"/>
      <c r="J18" s="364"/>
      <c r="K18" s="364"/>
      <c r="L18" s="364"/>
      <c r="M18" s="362"/>
      <c r="N18" s="364"/>
      <c r="O18" s="364"/>
      <c r="P18" s="364"/>
      <c r="Q18" s="178"/>
      <c r="R18" s="178"/>
      <c r="S18" s="178"/>
      <c r="T18" s="178"/>
      <c r="U18" s="178"/>
      <c r="V18" s="178"/>
      <c r="W18" s="178"/>
      <c r="X18" s="178"/>
      <c r="Y18" s="178"/>
      <c r="Z18" s="178"/>
      <c r="AA18" s="178"/>
      <c r="AB18" s="178"/>
      <c r="AC18" s="178"/>
      <c r="AD18" s="178"/>
      <c r="AE18" s="178"/>
      <c r="AF18" s="179"/>
    </row>
    <row r="19" spans="1:32" ht="18.75" customHeight="1" x14ac:dyDescent="0.15">
      <c r="A19" s="215"/>
      <c r="B19" s="336"/>
      <c r="C19" s="332"/>
      <c r="D19" s="344"/>
      <c r="E19" s="152"/>
      <c r="F19" s="344"/>
      <c r="G19" s="198"/>
      <c r="H19" s="92" t="s">
        <v>196</v>
      </c>
      <c r="I19" s="226" t="s">
        <v>363</v>
      </c>
      <c r="J19" s="111" t="s">
        <v>250</v>
      </c>
      <c r="K19" s="218"/>
      <c r="L19" s="227" t="s">
        <v>363</v>
      </c>
      <c r="M19" s="111" t="s">
        <v>263</v>
      </c>
      <c r="N19" s="218"/>
      <c r="O19" s="111"/>
      <c r="P19" s="111"/>
      <c r="Q19" s="111"/>
      <c r="R19" s="111"/>
      <c r="S19" s="111"/>
      <c r="T19" s="111"/>
      <c r="U19" s="111"/>
      <c r="V19" s="111"/>
      <c r="W19" s="111"/>
      <c r="X19" s="111"/>
      <c r="Y19" s="111"/>
      <c r="Z19" s="111"/>
      <c r="AA19" s="111"/>
      <c r="AB19" s="111"/>
      <c r="AC19" s="111"/>
      <c r="AD19" s="111"/>
      <c r="AE19" s="111"/>
      <c r="AF19" s="112"/>
    </row>
    <row r="20" spans="1:32" ht="8.25" customHeight="1" x14ac:dyDescent="0.15">
      <c r="A20" s="88"/>
      <c r="B20" s="88"/>
      <c r="G20" s="143"/>
      <c r="H20" s="143"/>
      <c r="I20" s="143"/>
      <c r="J20" s="143"/>
      <c r="K20" s="143"/>
      <c r="L20" s="143"/>
      <c r="M20" s="143"/>
      <c r="N20" s="143"/>
      <c r="O20" s="143"/>
      <c r="P20" s="143"/>
      <c r="Q20" s="143"/>
      <c r="R20" s="143"/>
      <c r="S20" s="143"/>
      <c r="T20" s="143"/>
      <c r="U20" s="143"/>
      <c r="V20" s="143"/>
      <c r="W20" s="143"/>
      <c r="X20" s="143"/>
      <c r="Y20" s="143"/>
      <c r="Z20" s="143"/>
      <c r="AA20" s="143"/>
      <c r="AB20" s="143"/>
    </row>
    <row r="21" spans="1:32" ht="20.25" customHeight="1" x14ac:dyDescent="0.15">
      <c r="A21" s="158"/>
      <c r="B21" s="158"/>
      <c r="C21" s="143" t="s">
        <v>197</v>
      </c>
      <c r="D21" s="143"/>
      <c r="E21" s="88"/>
      <c r="F21" s="88"/>
      <c r="G21" s="88"/>
      <c r="H21" s="88"/>
      <c r="I21" s="88"/>
      <c r="J21" s="88"/>
      <c r="K21" s="88"/>
      <c r="L21" s="88"/>
      <c r="M21" s="88"/>
      <c r="N21" s="88"/>
      <c r="O21" s="88"/>
      <c r="P21" s="88"/>
      <c r="Q21" s="88"/>
      <c r="R21" s="88"/>
      <c r="S21" s="88"/>
      <c r="T21" s="88"/>
      <c r="U21" s="88"/>
      <c r="V21" s="88"/>
    </row>
  </sheetData>
  <mergeCells count="28">
    <mergeCell ref="A2:AF2"/>
    <mergeCell ref="S4:V4"/>
    <mergeCell ref="A6:C6"/>
    <mergeCell ref="D6:E6"/>
    <mergeCell ref="F6:G6"/>
    <mergeCell ref="H6:AF6"/>
    <mergeCell ref="A7:C8"/>
    <mergeCell ref="H7:H8"/>
    <mergeCell ref="H10:H11"/>
    <mergeCell ref="I10:I11"/>
    <mergeCell ref="J10:L11"/>
    <mergeCell ref="N10:P11"/>
    <mergeCell ref="H12:H13"/>
    <mergeCell ref="I12:I13"/>
    <mergeCell ref="J12:L13"/>
    <mergeCell ref="M12:M13"/>
    <mergeCell ref="N12:P13"/>
    <mergeCell ref="M10:M11"/>
    <mergeCell ref="H17:H18"/>
    <mergeCell ref="I17:I18"/>
    <mergeCell ref="J17:L18"/>
    <mergeCell ref="M17:M18"/>
    <mergeCell ref="N17:P18"/>
    <mergeCell ref="H15:H16"/>
    <mergeCell ref="I15:I16"/>
    <mergeCell ref="J15:L16"/>
    <mergeCell ref="M15:M16"/>
    <mergeCell ref="N15:P16"/>
  </mergeCells>
  <phoneticPr fontId="6"/>
  <dataValidations count="1">
    <dataValidation type="list" allowBlank="1" showInputMessage="1" showErrorMessage="1" sqref="M7:M8 Q7:Q8 U7:U8 I7:I19 L9 M10:M13 L14 M15:M18 L19 D11:D12 D16:D18 A11 A16">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32" fitToHeight="0" orientation="landscape" cellComments="asDisplayed"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56"/>
  <sheetViews>
    <sheetView view="pageBreakPreview" topLeftCell="B1" zoomScaleNormal="100" zoomScaleSheetLayoutView="100" workbookViewId="0">
      <selection activeCell="B1" sqref="B1"/>
    </sheetView>
  </sheetViews>
  <sheetFormatPr defaultRowHeight="20.25" customHeight="1" x14ac:dyDescent="0.15"/>
  <cols>
    <col min="1" max="1" width="2.375" style="296" customWidth="1"/>
    <col min="2" max="2" width="25" style="295" bestFit="1" customWidth="1"/>
    <col min="3" max="3" width="41.75" style="295" customWidth="1"/>
    <col min="4" max="4" width="15.25" style="295" customWidth="1"/>
    <col min="5" max="5" width="44.25" style="295" customWidth="1"/>
    <col min="6" max="6" width="42" style="295" customWidth="1"/>
    <col min="7" max="7" width="22.5" style="295" customWidth="1"/>
    <col min="8" max="11" width="5.375" style="295" customWidth="1"/>
    <col min="12" max="14" width="6.5" style="295" customWidth="1"/>
    <col min="15" max="17" width="5.375" style="295" customWidth="1"/>
    <col min="18" max="16384" width="9" style="295"/>
  </cols>
  <sheetData>
    <row r="1" spans="1:14" ht="20.25" customHeight="1" x14ac:dyDescent="0.15">
      <c r="A1" s="104"/>
      <c r="B1" s="102" t="s">
        <v>225</v>
      </c>
      <c r="C1" s="104"/>
      <c r="D1" s="104"/>
      <c r="E1" s="104"/>
      <c r="F1" s="104"/>
      <c r="G1" s="104"/>
      <c r="H1" s="104"/>
      <c r="I1" s="104"/>
      <c r="J1" s="104"/>
      <c r="K1" s="104"/>
    </row>
    <row r="3" spans="1:14" ht="21" customHeight="1" x14ac:dyDescent="0.15">
      <c r="A3" s="158"/>
      <c r="B3" s="403" t="s">
        <v>457</v>
      </c>
      <c r="C3" s="403"/>
      <c r="D3" s="403"/>
      <c r="E3" s="403"/>
      <c r="F3" s="403"/>
      <c r="G3" s="403"/>
      <c r="H3" s="403"/>
      <c r="I3" s="403"/>
      <c r="J3" s="403"/>
      <c r="K3" s="403"/>
      <c r="L3" s="403"/>
      <c r="M3" s="403"/>
      <c r="N3" s="403"/>
    </row>
    <row r="4" spans="1:14" ht="20.25" customHeight="1" x14ac:dyDescent="0.15">
      <c r="A4" s="158"/>
      <c r="B4" s="89" t="s">
        <v>472</v>
      </c>
      <c r="C4" s="88"/>
      <c r="D4" s="88"/>
      <c r="E4" s="88"/>
      <c r="F4" s="88"/>
      <c r="G4" s="88"/>
      <c r="H4" s="88"/>
      <c r="I4" s="88"/>
      <c r="J4" s="88"/>
      <c r="K4" s="88"/>
    </row>
    <row r="5" spans="1:14" s="351" customFormat="1" ht="20.25" customHeight="1" x14ac:dyDescent="0.15">
      <c r="A5" s="158"/>
      <c r="B5" s="89" t="s">
        <v>473</v>
      </c>
      <c r="C5" s="88"/>
      <c r="D5" s="88"/>
      <c r="E5" s="88"/>
      <c r="F5" s="88"/>
      <c r="G5" s="88"/>
      <c r="H5" s="88"/>
      <c r="I5" s="88"/>
      <c r="J5" s="88"/>
      <c r="K5" s="88"/>
    </row>
    <row r="6" spans="1:14" s="351" customFormat="1" ht="20.25" customHeight="1" x14ac:dyDescent="0.15">
      <c r="A6" s="158"/>
      <c r="B6" s="89" t="s">
        <v>471</v>
      </c>
      <c r="C6" s="88"/>
      <c r="D6" s="88"/>
      <c r="E6" s="88"/>
      <c r="F6" s="88"/>
      <c r="G6" s="88"/>
      <c r="H6" s="88"/>
      <c r="I6" s="88"/>
      <c r="J6" s="88"/>
      <c r="K6" s="88"/>
    </row>
    <row r="7" spans="1:14" s="351" customFormat="1" ht="29.25" customHeight="1" x14ac:dyDescent="0.15">
      <c r="A7" s="158"/>
      <c r="B7" s="402" t="s">
        <v>474</v>
      </c>
      <c r="C7" s="402"/>
      <c r="D7" s="402"/>
      <c r="E7" s="402"/>
      <c r="F7" s="402"/>
      <c r="G7" s="402"/>
      <c r="H7" s="402"/>
      <c r="I7" s="402"/>
      <c r="J7" s="402"/>
      <c r="K7" s="402"/>
      <c r="L7" s="402"/>
    </row>
    <row r="8" spans="1:14" ht="20.25" customHeight="1" x14ac:dyDescent="0.15">
      <c r="A8" s="158"/>
      <c r="B8" s="89" t="s">
        <v>475</v>
      </c>
      <c r="C8" s="88"/>
      <c r="D8" s="88"/>
      <c r="E8" s="88"/>
      <c r="F8" s="88"/>
      <c r="G8" s="88"/>
      <c r="H8" s="88"/>
      <c r="I8" s="88"/>
      <c r="J8" s="88"/>
      <c r="K8" s="88"/>
      <c r="L8" s="351"/>
      <c r="M8" s="351"/>
      <c r="N8" s="351"/>
    </row>
    <row r="9" spans="1:14" ht="20.25" customHeight="1" x14ac:dyDescent="0.15">
      <c r="A9" s="158"/>
      <c r="B9" s="89" t="s">
        <v>476</v>
      </c>
      <c r="C9" s="88"/>
      <c r="D9" s="88"/>
      <c r="E9" s="88"/>
      <c r="F9" s="88"/>
      <c r="G9" s="88"/>
      <c r="H9" s="88"/>
      <c r="I9" s="88"/>
      <c r="J9" s="88"/>
      <c r="K9" s="88"/>
    </row>
    <row r="10" spans="1:14" ht="20.25" customHeight="1" x14ac:dyDescent="0.15">
      <c r="A10" s="104"/>
      <c r="B10" s="89" t="s">
        <v>477</v>
      </c>
      <c r="C10" s="104"/>
      <c r="D10" s="104"/>
      <c r="E10" s="104"/>
      <c r="F10" s="104"/>
      <c r="G10" s="104"/>
      <c r="H10" s="104"/>
      <c r="I10" s="104"/>
      <c r="J10" s="104"/>
      <c r="K10" s="104"/>
    </row>
    <row r="11" spans="1:14" ht="20.25" customHeight="1" x14ac:dyDescent="0.15">
      <c r="A11" s="104"/>
      <c r="B11" s="89" t="s">
        <v>478</v>
      </c>
      <c r="C11" s="104"/>
      <c r="D11" s="104"/>
      <c r="E11" s="104"/>
      <c r="F11" s="104"/>
      <c r="G11" s="104"/>
      <c r="H11" s="104"/>
      <c r="I11" s="104"/>
      <c r="J11" s="104"/>
      <c r="K11" s="104"/>
    </row>
    <row r="12" spans="1:14" ht="20.25" customHeight="1" x14ac:dyDescent="0.15">
      <c r="A12" s="104"/>
      <c r="B12" s="89" t="s">
        <v>479</v>
      </c>
      <c r="C12" s="104"/>
      <c r="D12" s="104"/>
      <c r="E12" s="104"/>
      <c r="F12" s="104"/>
      <c r="G12" s="104"/>
      <c r="H12" s="104"/>
      <c r="I12" s="104"/>
      <c r="J12" s="104"/>
      <c r="K12" s="104"/>
    </row>
    <row r="13" spans="1:14" ht="20.25" customHeight="1" x14ac:dyDescent="0.15">
      <c r="A13" s="104"/>
      <c r="B13" s="89" t="s">
        <v>480</v>
      </c>
      <c r="C13" s="104"/>
      <c r="D13" s="104"/>
      <c r="E13" s="104"/>
      <c r="F13" s="104"/>
      <c r="G13" s="104"/>
      <c r="H13" s="104"/>
      <c r="I13" s="104"/>
      <c r="J13" s="104"/>
      <c r="K13" s="104"/>
    </row>
    <row r="14" spans="1:14" ht="20.25" customHeight="1" x14ac:dyDescent="0.15">
      <c r="A14" s="104"/>
      <c r="B14" s="89" t="s">
        <v>458</v>
      </c>
      <c r="C14" s="104"/>
      <c r="D14" s="104"/>
      <c r="E14" s="104"/>
      <c r="F14" s="104"/>
      <c r="G14" s="104"/>
      <c r="H14" s="104"/>
      <c r="I14" s="104"/>
      <c r="J14" s="104"/>
      <c r="K14" s="104"/>
    </row>
    <row r="15" spans="1:14" ht="20.25" customHeight="1" x14ac:dyDescent="0.15">
      <c r="A15" s="104"/>
      <c r="B15" s="89" t="s">
        <v>222</v>
      </c>
      <c r="C15" s="104"/>
      <c r="D15" s="104"/>
      <c r="E15" s="104"/>
      <c r="F15" s="104"/>
      <c r="G15" s="104"/>
      <c r="H15" s="104"/>
      <c r="I15" s="104"/>
      <c r="J15" s="104"/>
      <c r="K15" s="104"/>
    </row>
    <row r="16" spans="1:14" ht="20.25" customHeight="1" x14ac:dyDescent="0.15">
      <c r="A16" s="104"/>
      <c r="B16" s="89" t="s">
        <v>191</v>
      </c>
      <c r="C16" s="104"/>
      <c r="D16" s="104"/>
      <c r="E16" s="104"/>
      <c r="F16" s="104"/>
      <c r="G16" s="104"/>
      <c r="H16" s="104"/>
      <c r="I16" s="104"/>
      <c r="J16" s="104"/>
      <c r="K16" s="104"/>
    </row>
    <row r="17" spans="1:11" ht="20.25" customHeight="1" x14ac:dyDescent="0.15">
      <c r="A17" s="104"/>
      <c r="B17" s="89" t="s">
        <v>459</v>
      </c>
      <c r="C17" s="104"/>
      <c r="D17" s="104"/>
      <c r="E17" s="104"/>
      <c r="F17" s="104"/>
      <c r="G17" s="104"/>
      <c r="H17" s="104"/>
      <c r="I17" s="104"/>
      <c r="J17" s="104"/>
      <c r="K17" s="104"/>
    </row>
    <row r="18" spans="1:11" s="351" customFormat="1" ht="20.25" customHeight="1" x14ac:dyDescent="0.15">
      <c r="A18" s="104"/>
      <c r="B18" s="89" t="s">
        <v>481</v>
      </c>
      <c r="C18" s="104"/>
      <c r="D18" s="104"/>
      <c r="E18" s="104"/>
      <c r="F18" s="104"/>
      <c r="G18" s="104"/>
      <c r="H18" s="104"/>
      <c r="I18" s="104"/>
      <c r="J18" s="104"/>
      <c r="K18" s="104"/>
    </row>
    <row r="19" spans="1:11" ht="20.25" customHeight="1" x14ac:dyDescent="0.15">
      <c r="A19" s="104"/>
      <c r="B19" s="89" t="s">
        <v>482</v>
      </c>
      <c r="C19" s="104"/>
      <c r="D19" s="104"/>
      <c r="E19" s="104"/>
      <c r="F19" s="104"/>
      <c r="G19" s="104"/>
      <c r="H19" s="104"/>
      <c r="I19" s="104"/>
      <c r="J19" s="104"/>
      <c r="K19" s="104"/>
    </row>
    <row r="20" spans="1:11" s="95" customFormat="1" ht="20.25" customHeight="1" x14ac:dyDescent="0.15">
      <c r="A20" s="103"/>
      <c r="B20" s="89" t="s">
        <v>460</v>
      </c>
    </row>
    <row r="21" spans="1:11" ht="20.25" customHeight="1" x14ac:dyDescent="0.15">
      <c r="A21" s="295"/>
      <c r="B21" s="89" t="s">
        <v>461</v>
      </c>
    </row>
    <row r="22" spans="1:11" ht="20.25" customHeight="1" x14ac:dyDescent="0.15">
      <c r="A22" s="295"/>
      <c r="B22" s="89" t="s">
        <v>134</v>
      </c>
    </row>
    <row r="23" spans="1:11" ht="20.25" customHeight="1" x14ac:dyDescent="0.15">
      <c r="A23" s="295"/>
      <c r="B23" s="89" t="s">
        <v>192</v>
      </c>
    </row>
    <row r="24" spans="1:11" ht="20.25" customHeight="1" x14ac:dyDescent="0.15">
      <c r="A24" s="295"/>
      <c r="B24" s="89" t="s">
        <v>186</v>
      </c>
    </row>
    <row r="25" spans="1:11" s="93" customFormat="1" ht="20.25" customHeight="1" x14ac:dyDescent="0.15">
      <c r="B25" s="89" t="s">
        <v>140</v>
      </c>
    </row>
    <row r="26" spans="1:11" s="93" customFormat="1" ht="20.25" customHeight="1" x14ac:dyDescent="0.15">
      <c r="B26" s="89" t="s">
        <v>187</v>
      </c>
    </row>
    <row r="27" spans="1:11" s="93" customFormat="1" ht="20.25" customHeight="1" x14ac:dyDescent="0.15">
      <c r="B27" s="89"/>
    </row>
    <row r="28" spans="1:11" s="93" customFormat="1" ht="20.25" customHeight="1" x14ac:dyDescent="0.15">
      <c r="B28" s="143" t="s">
        <v>121</v>
      </c>
    </row>
    <row r="29" spans="1:11" s="138" customFormat="1" ht="20.25" customHeight="1" x14ac:dyDescent="0.15">
      <c r="B29" s="143" t="s">
        <v>122</v>
      </c>
    </row>
    <row r="30" spans="1:11" s="138" customFormat="1" ht="20.25" customHeight="1" x14ac:dyDescent="0.15">
      <c r="B30" s="143" t="s">
        <v>188</v>
      </c>
    </row>
    <row r="31" spans="1:11" s="138" customFormat="1" ht="20.25" customHeight="1" x14ac:dyDescent="0.15">
      <c r="B31" s="143" t="s">
        <v>189</v>
      </c>
    </row>
    <row r="32" spans="1:11" s="138" customFormat="1" ht="20.25" customHeight="1" x14ac:dyDescent="0.15">
      <c r="B32" s="143" t="s">
        <v>190</v>
      </c>
    </row>
    <row r="33" spans="1:11" s="138" customFormat="1" ht="20.25" customHeight="1" x14ac:dyDescent="0.15">
      <c r="B33" s="143" t="s">
        <v>240</v>
      </c>
    </row>
    <row r="34" spans="1:11" s="138" customFormat="1" ht="20.25" customHeight="1" x14ac:dyDescent="0.15"/>
    <row r="35" spans="1:11" s="138" customFormat="1" ht="20.25" customHeight="1" x14ac:dyDescent="0.15">
      <c r="B35" s="143" t="s">
        <v>212</v>
      </c>
    </row>
    <row r="36" spans="1:11" s="138" customFormat="1" ht="20.25" customHeight="1" x14ac:dyDescent="0.15">
      <c r="B36" s="143" t="s">
        <v>223</v>
      </c>
    </row>
    <row r="37" spans="1:11" s="138" customFormat="1" ht="20.25" customHeight="1" x14ac:dyDescent="0.15">
      <c r="B37" s="143"/>
    </row>
    <row r="38" spans="1:11" s="93" customFormat="1" ht="20.25" customHeight="1" x14ac:dyDescent="0.15">
      <c r="B38" s="89" t="s">
        <v>483</v>
      </c>
    </row>
    <row r="39" spans="1:11" s="93" customFormat="1" ht="20.25" customHeight="1" x14ac:dyDescent="0.15">
      <c r="B39" s="89" t="s">
        <v>484</v>
      </c>
    </row>
    <row r="40" spans="1:11" s="93" customFormat="1" ht="20.25" customHeight="1" x14ac:dyDescent="0.15">
      <c r="B40" s="89" t="s">
        <v>485</v>
      </c>
    </row>
    <row r="41" spans="1:11" ht="20.25" customHeight="1" x14ac:dyDescent="0.15">
      <c r="A41" s="104"/>
      <c r="B41" s="89" t="s">
        <v>486</v>
      </c>
      <c r="C41" s="104"/>
      <c r="D41" s="104"/>
      <c r="E41" s="104"/>
      <c r="F41" s="104"/>
      <c r="G41" s="104"/>
      <c r="H41" s="104"/>
      <c r="I41" s="104"/>
      <c r="J41" s="104"/>
      <c r="K41" s="104"/>
    </row>
    <row r="42" spans="1:11" ht="20.25" customHeight="1" x14ac:dyDescent="0.15">
      <c r="B42" s="89" t="s">
        <v>487</v>
      </c>
    </row>
    <row r="43" spans="1:11" ht="20.25" customHeight="1" x14ac:dyDescent="0.15">
      <c r="A43" s="158"/>
      <c r="C43" s="88"/>
      <c r="D43" s="88"/>
      <c r="E43" s="88"/>
      <c r="F43" s="88"/>
      <c r="G43" s="88"/>
      <c r="H43" s="88"/>
      <c r="I43" s="88"/>
      <c r="J43" s="88"/>
      <c r="K43" s="88"/>
    </row>
    <row r="44" spans="1:11" ht="20.25" customHeight="1" x14ac:dyDescent="0.15">
      <c r="A44" s="104"/>
      <c r="B44" s="89"/>
      <c r="C44" s="104"/>
      <c r="D44" s="104"/>
      <c r="E44" s="104"/>
      <c r="F44" s="104"/>
      <c r="G44" s="104"/>
      <c r="H44" s="104"/>
      <c r="I44" s="104"/>
      <c r="J44" s="104"/>
      <c r="K44" s="104"/>
    </row>
    <row r="45" spans="1:11" ht="20.25" customHeight="1" x14ac:dyDescent="0.15">
      <c r="A45" s="104"/>
      <c r="B45" s="89"/>
      <c r="C45" s="104"/>
      <c r="D45" s="104"/>
      <c r="E45" s="104"/>
      <c r="F45" s="104"/>
      <c r="G45" s="104"/>
      <c r="H45" s="104"/>
      <c r="I45" s="104"/>
      <c r="J45" s="104"/>
      <c r="K45" s="104"/>
    </row>
    <row r="46" spans="1:11" ht="20.25" customHeight="1" x14ac:dyDescent="0.15">
      <c r="A46" s="104"/>
      <c r="B46" s="89"/>
      <c r="C46" s="104"/>
      <c r="D46" s="104"/>
      <c r="E46" s="104"/>
      <c r="F46" s="104"/>
      <c r="G46" s="104"/>
      <c r="H46" s="104"/>
      <c r="I46" s="104"/>
      <c r="J46" s="104"/>
      <c r="K46" s="104"/>
    </row>
    <row r="47" spans="1:11" ht="20.25" customHeight="1" x14ac:dyDescent="0.15">
      <c r="A47" s="104"/>
      <c r="B47" s="89"/>
      <c r="C47" s="104"/>
      <c r="D47" s="104"/>
      <c r="E47" s="104"/>
      <c r="F47" s="104"/>
      <c r="G47" s="104"/>
      <c r="H47" s="104"/>
      <c r="I47" s="104"/>
      <c r="J47" s="104"/>
      <c r="K47" s="104"/>
    </row>
    <row r="48" spans="1:11" ht="20.25" customHeight="1" x14ac:dyDescent="0.15">
      <c r="A48" s="104"/>
      <c r="B48" s="89"/>
      <c r="C48" s="104"/>
      <c r="D48" s="104"/>
      <c r="E48" s="104"/>
      <c r="F48" s="104"/>
      <c r="G48" s="104"/>
      <c r="H48" s="104"/>
      <c r="I48" s="104"/>
      <c r="J48" s="104"/>
      <c r="K48" s="104"/>
    </row>
    <row r="49" spans="1:7" ht="20.25" customHeight="1" x14ac:dyDescent="0.15">
      <c r="A49" s="104"/>
      <c r="B49" s="89"/>
      <c r="C49" s="104"/>
      <c r="D49" s="104"/>
      <c r="E49" s="104"/>
      <c r="F49" s="89"/>
      <c r="G49" s="89"/>
    </row>
    <row r="50" spans="1:7" ht="20.25" customHeight="1" x14ac:dyDescent="0.15">
      <c r="A50" s="104"/>
      <c r="B50" s="89"/>
      <c r="C50" s="104"/>
      <c r="D50" s="104"/>
      <c r="E50" s="104"/>
      <c r="F50" s="89"/>
      <c r="G50" s="89"/>
    </row>
    <row r="51" spans="1:7" ht="20.25" customHeight="1" x14ac:dyDescent="0.15">
      <c r="A51" s="104"/>
      <c r="B51" s="89"/>
      <c r="C51" s="104"/>
      <c r="D51" s="104"/>
      <c r="E51" s="104"/>
      <c r="F51" s="89"/>
      <c r="G51" s="89"/>
    </row>
    <row r="52" spans="1:7" ht="21.75" customHeight="1" x14ac:dyDescent="0.15">
      <c r="A52" s="104"/>
      <c r="B52" s="89"/>
      <c r="C52" s="104"/>
      <c r="D52" s="104"/>
      <c r="E52" s="104"/>
      <c r="F52" s="104"/>
      <c r="G52" s="104"/>
    </row>
    <row r="53" spans="1:7" s="90" customFormat="1" ht="19.5" customHeight="1" x14ac:dyDescent="0.15">
      <c r="A53" s="101"/>
      <c r="B53" s="89"/>
    </row>
    <row r="54" spans="1:7" ht="20.25" customHeight="1" x14ac:dyDescent="0.15">
      <c r="A54" s="295"/>
      <c r="B54" s="89"/>
      <c r="C54" s="104"/>
      <c r="D54" s="104"/>
      <c r="E54" s="104"/>
      <c r="F54" s="104"/>
      <c r="G54" s="104"/>
    </row>
    <row r="55" spans="1:7" ht="19.5" customHeight="1" x14ac:dyDescent="0.15">
      <c r="A55" s="295"/>
      <c r="B55" s="89"/>
      <c r="C55" s="104"/>
      <c r="D55" s="104"/>
      <c r="E55" s="104"/>
      <c r="F55" s="104"/>
      <c r="G55" s="104"/>
    </row>
    <row r="56" spans="1:7" ht="20.25" customHeight="1" x14ac:dyDescent="0.15">
      <c r="B56" s="89"/>
    </row>
  </sheetData>
  <mergeCells count="2">
    <mergeCell ref="B7:L7"/>
    <mergeCell ref="B3:N3"/>
  </mergeCells>
  <phoneticPr fontId="6"/>
  <printOptions horizontalCentered="1"/>
  <pageMargins left="0.23622047244094491" right="0.23622047244094491" top="0.74803149606299213" bottom="0.74803149606299213" header="0.31496062992125984" footer="0.31496062992125984"/>
  <pageSetup paperSize="9" scale="61" fitToHeight="0" orientation="landscape" cellComments="asDisplayed"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dimension ref="B2:AM89"/>
  <sheetViews>
    <sheetView view="pageBreakPreview" zoomScaleNormal="100" zoomScaleSheetLayoutView="100" workbookViewId="0">
      <selection activeCell="O26" sqref="O26"/>
    </sheetView>
  </sheetViews>
  <sheetFormatPr defaultRowHeight="13.5" x14ac:dyDescent="0.15"/>
  <cols>
    <col min="1" max="1" width="1.5" style="88" customWidth="1"/>
    <col min="2" max="2" width="10" style="88" customWidth="1"/>
    <col min="3" max="3" width="6.75" style="88" customWidth="1"/>
    <col min="4" max="4" width="10" style="88" customWidth="1"/>
    <col min="5" max="32" width="3.875" style="88" customWidth="1"/>
    <col min="33" max="35" width="9" style="88"/>
    <col min="36" max="36" width="2.5" style="88" customWidth="1"/>
    <col min="37" max="16384" width="9" style="88"/>
  </cols>
  <sheetData>
    <row r="2" spans="2:39" x14ac:dyDescent="0.15">
      <c r="B2" s="113" t="s">
        <v>469</v>
      </c>
    </row>
    <row r="3" spans="2:39" x14ac:dyDescent="0.15">
      <c r="B3" s="114"/>
    </row>
    <row r="4" spans="2:39" ht="13.5" customHeight="1" x14ac:dyDescent="0.15">
      <c r="B4" s="113" t="s">
        <v>148</v>
      </c>
      <c r="X4" s="115" t="s">
        <v>149</v>
      </c>
    </row>
    <row r="5" spans="2:39" ht="6.75" customHeight="1" x14ac:dyDescent="0.15">
      <c r="B5" s="113"/>
      <c r="W5" s="115"/>
      <c r="AJ5" s="134"/>
      <c r="AK5" s="134"/>
      <c r="AL5" s="134"/>
      <c r="AM5" s="134"/>
    </row>
    <row r="6" spans="2:39" ht="13.5" customHeight="1" x14ac:dyDescent="0.15">
      <c r="X6" s="113" t="s">
        <v>150</v>
      </c>
      <c r="AJ6" s="134"/>
      <c r="AK6" s="134"/>
      <c r="AL6" s="134"/>
      <c r="AM6" s="134"/>
    </row>
    <row r="7" spans="2:39" ht="6.75" customHeight="1" x14ac:dyDescent="0.15">
      <c r="W7" s="113"/>
      <c r="AJ7" s="134"/>
      <c r="AK7" s="134"/>
      <c r="AL7" s="134"/>
      <c r="AM7" s="134"/>
    </row>
    <row r="8" spans="2:39" ht="14.25" customHeight="1" x14ac:dyDescent="0.15">
      <c r="B8" s="113" t="s">
        <v>151</v>
      </c>
      <c r="AB8" s="113" t="s">
        <v>152</v>
      </c>
      <c r="AJ8" s="134"/>
      <c r="AK8" s="134"/>
      <c r="AL8" s="134"/>
      <c r="AM8" s="134"/>
    </row>
    <row r="9" spans="2:39" ht="14.25" customHeight="1" x14ac:dyDescent="0.15">
      <c r="B9" s="114"/>
      <c r="AJ9" s="134"/>
      <c r="AK9" s="134"/>
      <c r="AL9" s="134"/>
      <c r="AM9" s="134"/>
    </row>
    <row r="10" spans="2:39" ht="18" customHeight="1" x14ac:dyDescent="0.15">
      <c r="B10" s="404" t="s">
        <v>153</v>
      </c>
      <c r="C10" s="404" t="s">
        <v>154</v>
      </c>
      <c r="D10" s="404" t="s">
        <v>155</v>
      </c>
      <c r="E10" s="410" t="s">
        <v>55</v>
      </c>
      <c r="F10" s="411"/>
      <c r="G10" s="411"/>
      <c r="H10" s="411"/>
      <c r="I10" s="411"/>
      <c r="J10" s="411"/>
      <c r="K10" s="412"/>
      <c r="L10" s="410" t="s">
        <v>56</v>
      </c>
      <c r="M10" s="411"/>
      <c r="N10" s="411"/>
      <c r="O10" s="411"/>
      <c r="P10" s="411"/>
      <c r="Q10" s="411"/>
      <c r="R10" s="412"/>
      <c r="S10" s="410" t="s">
        <v>57</v>
      </c>
      <c r="T10" s="411"/>
      <c r="U10" s="411"/>
      <c r="V10" s="411"/>
      <c r="W10" s="411"/>
      <c r="X10" s="411"/>
      <c r="Y10" s="412"/>
      <c r="Z10" s="410" t="s">
        <v>58</v>
      </c>
      <c r="AA10" s="411"/>
      <c r="AB10" s="411"/>
      <c r="AC10" s="411"/>
      <c r="AD10" s="411"/>
      <c r="AE10" s="411"/>
      <c r="AF10" s="415"/>
      <c r="AG10" s="416" t="s">
        <v>156</v>
      </c>
      <c r="AH10" s="404" t="s">
        <v>157</v>
      </c>
      <c r="AI10" s="404" t="s">
        <v>67</v>
      </c>
      <c r="AJ10" s="134"/>
      <c r="AK10" s="134"/>
      <c r="AL10" s="134"/>
      <c r="AM10" s="134"/>
    </row>
    <row r="11" spans="2:39" ht="18" customHeight="1" x14ac:dyDescent="0.15">
      <c r="B11" s="408"/>
      <c r="C11" s="408"/>
      <c r="D11" s="408"/>
      <c r="E11" s="117">
        <v>1</v>
      </c>
      <c r="F11" s="117">
        <v>2</v>
      </c>
      <c r="G11" s="117">
        <v>3</v>
      </c>
      <c r="H11" s="117">
        <v>4</v>
      </c>
      <c r="I11" s="117">
        <v>5</v>
      </c>
      <c r="J11" s="117">
        <v>6</v>
      </c>
      <c r="K11" s="117">
        <v>7</v>
      </c>
      <c r="L11" s="117">
        <v>8</v>
      </c>
      <c r="M11" s="117">
        <v>9</v>
      </c>
      <c r="N11" s="117">
        <v>10</v>
      </c>
      <c r="O11" s="117">
        <v>11</v>
      </c>
      <c r="P11" s="117">
        <v>12</v>
      </c>
      <c r="Q11" s="117">
        <v>13</v>
      </c>
      <c r="R11" s="117">
        <v>14</v>
      </c>
      <c r="S11" s="117">
        <v>15</v>
      </c>
      <c r="T11" s="117">
        <v>16</v>
      </c>
      <c r="U11" s="117">
        <v>17</v>
      </c>
      <c r="V11" s="117">
        <v>18</v>
      </c>
      <c r="W11" s="117">
        <v>19</v>
      </c>
      <c r="X11" s="117">
        <v>20</v>
      </c>
      <c r="Y11" s="117">
        <v>21</v>
      </c>
      <c r="Z11" s="117">
        <v>22</v>
      </c>
      <c r="AA11" s="117">
        <v>23</v>
      </c>
      <c r="AB11" s="117">
        <v>24</v>
      </c>
      <c r="AC11" s="117">
        <v>25</v>
      </c>
      <c r="AD11" s="117">
        <v>26</v>
      </c>
      <c r="AE11" s="117">
        <v>27</v>
      </c>
      <c r="AF11" s="116">
        <v>28</v>
      </c>
      <c r="AG11" s="417"/>
      <c r="AH11" s="405"/>
      <c r="AI11" s="405"/>
      <c r="AJ11" s="134"/>
      <c r="AK11" s="134"/>
      <c r="AL11" s="134"/>
      <c r="AM11" s="134"/>
    </row>
    <row r="12" spans="2:39" ht="18" customHeight="1" x14ac:dyDescent="0.15">
      <c r="B12" s="409"/>
      <c r="C12" s="409"/>
      <c r="D12" s="409"/>
      <c r="E12" s="117" t="s">
        <v>59</v>
      </c>
      <c r="F12" s="118"/>
      <c r="G12" s="118"/>
      <c r="H12" s="118"/>
      <c r="I12" s="118"/>
      <c r="J12" s="118"/>
      <c r="K12" s="118"/>
      <c r="L12" s="118"/>
      <c r="M12" s="118"/>
      <c r="N12" s="118"/>
      <c r="O12" s="118"/>
      <c r="P12" s="118"/>
      <c r="Q12" s="118"/>
      <c r="R12" s="118"/>
      <c r="S12" s="118"/>
      <c r="T12" s="118"/>
      <c r="U12" s="118"/>
      <c r="V12" s="118"/>
      <c r="W12" s="118"/>
      <c r="X12" s="118"/>
      <c r="Y12" s="118"/>
      <c r="Z12" s="118"/>
      <c r="AA12" s="118"/>
      <c r="AB12" s="118"/>
      <c r="AC12" s="118"/>
      <c r="AD12" s="118"/>
      <c r="AE12" s="118"/>
      <c r="AF12" s="119"/>
      <c r="AG12" s="418"/>
      <c r="AH12" s="406"/>
      <c r="AI12" s="406"/>
      <c r="AJ12" s="134"/>
      <c r="AK12" s="134"/>
      <c r="AL12" s="134"/>
      <c r="AM12" s="134"/>
    </row>
    <row r="13" spans="2:39" ht="18" customHeight="1" x14ac:dyDescent="0.15">
      <c r="B13" s="407" t="s">
        <v>158</v>
      </c>
      <c r="C13" s="407"/>
      <c r="D13" s="407"/>
      <c r="E13" s="105" t="s">
        <v>60</v>
      </c>
      <c r="F13" s="105" t="s">
        <v>60</v>
      </c>
      <c r="G13" s="105" t="s">
        <v>61</v>
      </c>
      <c r="H13" s="105" t="s">
        <v>62</v>
      </c>
      <c r="I13" s="105" t="s">
        <v>63</v>
      </c>
      <c r="J13" s="105" t="s">
        <v>60</v>
      </c>
      <c r="K13" s="105" t="s">
        <v>63</v>
      </c>
      <c r="L13" s="120"/>
      <c r="M13" s="120"/>
      <c r="N13" s="120"/>
      <c r="O13" s="120"/>
      <c r="P13" s="120"/>
      <c r="Q13" s="120"/>
      <c r="R13" s="120"/>
      <c r="S13" s="120"/>
      <c r="T13" s="120"/>
      <c r="U13" s="120"/>
      <c r="V13" s="120"/>
      <c r="W13" s="120"/>
      <c r="X13" s="120"/>
      <c r="Y13" s="120"/>
      <c r="Z13" s="120"/>
      <c r="AA13" s="120"/>
      <c r="AB13" s="120"/>
      <c r="AC13" s="120"/>
      <c r="AD13" s="120"/>
      <c r="AE13" s="120"/>
      <c r="AF13" s="121"/>
      <c r="AG13" s="122"/>
      <c r="AH13" s="123"/>
      <c r="AI13" s="123"/>
    </row>
    <row r="14" spans="2:39" ht="18" customHeight="1" x14ac:dyDescent="0.15">
      <c r="B14" s="407" t="s">
        <v>159</v>
      </c>
      <c r="C14" s="407"/>
      <c r="D14" s="407"/>
      <c r="E14" s="105" t="s">
        <v>64</v>
      </c>
      <c r="F14" s="105" t="s">
        <v>64</v>
      </c>
      <c r="G14" s="105" t="s">
        <v>64</v>
      </c>
      <c r="H14" s="105" t="s">
        <v>65</v>
      </c>
      <c r="I14" s="105" t="s">
        <v>65</v>
      </c>
      <c r="J14" s="105" t="s">
        <v>66</v>
      </c>
      <c r="K14" s="105" t="s">
        <v>66</v>
      </c>
      <c r="L14" s="120"/>
      <c r="M14" s="120"/>
      <c r="N14" s="120"/>
      <c r="O14" s="120"/>
      <c r="P14" s="120"/>
      <c r="Q14" s="120"/>
      <c r="R14" s="120"/>
      <c r="S14" s="120"/>
      <c r="T14" s="120"/>
      <c r="U14" s="120"/>
      <c r="V14" s="120"/>
      <c r="W14" s="120"/>
      <c r="X14" s="120"/>
      <c r="Y14" s="120"/>
      <c r="Z14" s="120"/>
      <c r="AA14" s="120"/>
      <c r="AB14" s="120"/>
      <c r="AC14" s="120"/>
      <c r="AD14" s="120"/>
      <c r="AE14" s="120"/>
      <c r="AF14" s="121"/>
      <c r="AG14" s="122"/>
      <c r="AH14" s="123"/>
      <c r="AI14" s="123"/>
    </row>
    <row r="15" spans="2:39" ht="18" customHeight="1" x14ac:dyDescent="0.15">
      <c r="B15" s="123"/>
      <c r="C15" s="123"/>
      <c r="D15" s="123"/>
      <c r="E15" s="105"/>
      <c r="F15" s="105"/>
      <c r="G15" s="105"/>
      <c r="H15" s="105"/>
      <c r="I15" s="105"/>
      <c r="J15" s="105"/>
      <c r="K15" s="105"/>
      <c r="L15" s="105"/>
      <c r="M15" s="105"/>
      <c r="N15" s="105"/>
      <c r="O15" s="105"/>
      <c r="P15" s="105"/>
      <c r="Q15" s="105"/>
      <c r="R15" s="105"/>
      <c r="S15" s="105"/>
      <c r="T15" s="105"/>
      <c r="U15" s="105"/>
      <c r="V15" s="105"/>
      <c r="W15" s="105"/>
      <c r="X15" s="105"/>
      <c r="Y15" s="105"/>
      <c r="Z15" s="105"/>
      <c r="AA15" s="105"/>
      <c r="AB15" s="105"/>
      <c r="AC15" s="105"/>
      <c r="AD15" s="105"/>
      <c r="AE15" s="105"/>
      <c r="AF15" s="106"/>
      <c r="AG15" s="122"/>
      <c r="AH15" s="123"/>
      <c r="AI15" s="123"/>
    </row>
    <row r="16" spans="2:39" ht="18" customHeight="1" x14ac:dyDescent="0.15">
      <c r="B16" s="123"/>
      <c r="C16" s="123"/>
      <c r="D16" s="123"/>
      <c r="E16" s="105"/>
      <c r="F16" s="105"/>
      <c r="G16" s="105"/>
      <c r="H16" s="105"/>
      <c r="I16" s="105"/>
      <c r="J16" s="105"/>
      <c r="K16" s="105"/>
      <c r="L16" s="105"/>
      <c r="M16" s="105"/>
      <c r="N16" s="105"/>
      <c r="O16" s="105"/>
      <c r="P16" s="105"/>
      <c r="Q16" s="105"/>
      <c r="R16" s="105"/>
      <c r="S16" s="105"/>
      <c r="T16" s="105"/>
      <c r="U16" s="105"/>
      <c r="V16" s="105"/>
      <c r="W16" s="105"/>
      <c r="X16" s="105"/>
      <c r="Y16" s="105"/>
      <c r="Z16" s="105"/>
      <c r="AA16" s="105"/>
      <c r="AB16" s="105"/>
      <c r="AC16" s="105"/>
      <c r="AD16" s="105"/>
      <c r="AE16" s="105"/>
      <c r="AF16" s="106"/>
      <c r="AG16" s="122"/>
      <c r="AH16" s="123"/>
      <c r="AI16" s="123"/>
    </row>
    <row r="17" spans="2:37" ht="18" customHeight="1" x14ac:dyDescent="0.15">
      <c r="B17" s="123"/>
      <c r="C17" s="123"/>
      <c r="D17" s="123"/>
      <c r="E17" s="105"/>
      <c r="F17" s="105"/>
      <c r="G17" s="105"/>
      <c r="H17" s="105"/>
      <c r="I17" s="105"/>
      <c r="J17" s="105"/>
      <c r="K17" s="105"/>
      <c r="L17" s="105"/>
      <c r="M17" s="105"/>
      <c r="N17" s="105"/>
      <c r="O17" s="105"/>
      <c r="P17" s="105"/>
      <c r="Q17" s="105"/>
      <c r="R17" s="105"/>
      <c r="S17" s="105"/>
      <c r="T17" s="105"/>
      <c r="U17" s="105"/>
      <c r="V17" s="105"/>
      <c r="W17" s="105"/>
      <c r="X17" s="105"/>
      <c r="Y17" s="105"/>
      <c r="Z17" s="105"/>
      <c r="AA17" s="105"/>
      <c r="AB17" s="105"/>
      <c r="AC17" s="105"/>
      <c r="AD17" s="105"/>
      <c r="AE17" s="105"/>
      <c r="AF17" s="106"/>
      <c r="AG17" s="122"/>
      <c r="AH17" s="123"/>
      <c r="AI17" s="123"/>
    </row>
    <row r="18" spans="2:37" ht="18" customHeight="1" x14ac:dyDescent="0.15">
      <c r="B18" s="123"/>
      <c r="C18" s="123"/>
      <c r="D18" s="123"/>
      <c r="E18" s="105"/>
      <c r="F18" s="105"/>
      <c r="G18" s="105"/>
      <c r="H18" s="105"/>
      <c r="I18" s="105"/>
      <c r="J18" s="105"/>
      <c r="K18" s="105"/>
      <c r="L18" s="105"/>
      <c r="M18" s="105"/>
      <c r="N18" s="105"/>
      <c r="O18" s="105"/>
      <c r="P18" s="105"/>
      <c r="Q18" s="105"/>
      <c r="R18" s="105"/>
      <c r="S18" s="105"/>
      <c r="T18" s="105"/>
      <c r="U18" s="105"/>
      <c r="V18" s="105"/>
      <c r="W18" s="105"/>
      <c r="X18" s="105"/>
      <c r="Y18" s="105"/>
      <c r="Z18" s="105"/>
      <c r="AA18" s="105"/>
      <c r="AB18" s="105"/>
      <c r="AC18" s="105"/>
      <c r="AD18" s="105"/>
      <c r="AE18" s="105"/>
      <c r="AF18" s="106"/>
      <c r="AG18" s="122"/>
      <c r="AH18" s="123"/>
      <c r="AI18" s="123"/>
    </row>
    <row r="19" spans="2:37" ht="18" customHeight="1" x14ac:dyDescent="0.15">
      <c r="B19" s="123"/>
      <c r="C19" s="123"/>
      <c r="D19" s="123"/>
      <c r="E19" s="105"/>
      <c r="F19" s="105"/>
      <c r="G19" s="105"/>
      <c r="H19" s="105"/>
      <c r="I19" s="105"/>
      <c r="J19" s="105"/>
      <c r="K19" s="105"/>
      <c r="L19" s="105"/>
      <c r="M19" s="105"/>
      <c r="N19" s="105"/>
      <c r="O19" s="105"/>
      <c r="P19" s="105"/>
      <c r="Q19" s="105"/>
      <c r="R19" s="105"/>
      <c r="S19" s="105"/>
      <c r="T19" s="105"/>
      <c r="U19" s="105"/>
      <c r="V19" s="105"/>
      <c r="W19" s="105"/>
      <c r="X19" s="105"/>
      <c r="Y19" s="105"/>
      <c r="Z19" s="105"/>
      <c r="AA19" s="105"/>
      <c r="AB19" s="105"/>
      <c r="AC19" s="105"/>
      <c r="AD19" s="105"/>
      <c r="AE19" s="105"/>
      <c r="AF19" s="106"/>
      <c r="AG19" s="122"/>
      <c r="AH19" s="123"/>
      <c r="AI19" s="123"/>
    </row>
    <row r="20" spans="2:37" ht="18" customHeight="1" x14ac:dyDescent="0.15">
      <c r="B20" s="123"/>
      <c r="C20" s="123"/>
      <c r="D20" s="123"/>
      <c r="E20" s="105"/>
      <c r="F20" s="105"/>
      <c r="G20" s="105"/>
      <c r="H20" s="105"/>
      <c r="I20" s="105"/>
      <c r="J20" s="105"/>
      <c r="K20" s="105"/>
      <c r="L20" s="105"/>
      <c r="M20" s="105"/>
      <c r="N20" s="105"/>
      <c r="O20" s="105"/>
      <c r="P20" s="105"/>
      <c r="Q20" s="105"/>
      <c r="R20" s="105"/>
      <c r="S20" s="105"/>
      <c r="T20" s="105"/>
      <c r="U20" s="105"/>
      <c r="V20" s="105"/>
      <c r="W20" s="105"/>
      <c r="X20" s="105"/>
      <c r="Y20" s="105"/>
      <c r="Z20" s="105"/>
      <c r="AA20" s="105"/>
      <c r="AB20" s="105"/>
      <c r="AC20" s="105"/>
      <c r="AD20" s="105"/>
      <c r="AE20" s="105"/>
      <c r="AF20" s="106"/>
      <c r="AG20" s="122"/>
      <c r="AH20" s="123"/>
      <c r="AI20" s="123"/>
    </row>
    <row r="21" spans="2:37" ht="18" customHeight="1" x14ac:dyDescent="0.15">
      <c r="B21" s="123"/>
      <c r="C21" s="123"/>
      <c r="D21" s="123"/>
      <c r="E21" s="105"/>
      <c r="F21" s="105"/>
      <c r="G21" s="105"/>
      <c r="H21" s="105"/>
      <c r="I21" s="105"/>
      <c r="J21" s="105"/>
      <c r="K21" s="105"/>
      <c r="L21" s="105"/>
      <c r="M21" s="105"/>
      <c r="N21" s="105"/>
      <c r="O21" s="105"/>
      <c r="P21" s="105"/>
      <c r="Q21" s="105"/>
      <c r="R21" s="105"/>
      <c r="S21" s="105"/>
      <c r="T21" s="105"/>
      <c r="U21" s="105"/>
      <c r="V21" s="105"/>
      <c r="W21" s="105"/>
      <c r="X21" s="105"/>
      <c r="Y21" s="105"/>
      <c r="Z21" s="105"/>
      <c r="AA21" s="105"/>
      <c r="AB21" s="105"/>
      <c r="AC21" s="105"/>
      <c r="AD21" s="105"/>
      <c r="AE21" s="105"/>
      <c r="AF21" s="106"/>
      <c r="AG21" s="122"/>
      <c r="AH21" s="123"/>
      <c r="AI21" s="123"/>
    </row>
    <row r="22" spans="2:37" ht="18" customHeight="1" x14ac:dyDescent="0.15">
      <c r="B22" s="123"/>
      <c r="C22" s="123"/>
      <c r="D22" s="123"/>
      <c r="E22" s="105"/>
      <c r="F22" s="105"/>
      <c r="G22" s="105"/>
      <c r="H22" s="105"/>
      <c r="I22" s="105"/>
      <c r="J22" s="105"/>
      <c r="K22" s="105"/>
      <c r="L22" s="105"/>
      <c r="M22" s="105"/>
      <c r="N22" s="105"/>
      <c r="O22" s="105"/>
      <c r="P22" s="105"/>
      <c r="Q22" s="105"/>
      <c r="R22" s="105"/>
      <c r="S22" s="105"/>
      <c r="T22" s="105"/>
      <c r="U22" s="105"/>
      <c r="V22" s="105"/>
      <c r="W22" s="105"/>
      <c r="X22" s="105"/>
      <c r="Y22" s="105"/>
      <c r="Z22" s="105"/>
      <c r="AA22" s="105"/>
      <c r="AB22" s="105"/>
      <c r="AC22" s="105"/>
      <c r="AD22" s="105"/>
      <c r="AE22" s="105"/>
      <c r="AF22" s="105"/>
      <c r="AG22" s="122"/>
      <c r="AH22" s="123"/>
      <c r="AI22" s="123"/>
    </row>
    <row r="23" spans="2:37" ht="18" customHeight="1" x14ac:dyDescent="0.15">
      <c r="B23" s="123"/>
      <c r="C23" s="123"/>
      <c r="D23" s="123"/>
      <c r="E23" s="105"/>
      <c r="F23" s="105"/>
      <c r="G23" s="105"/>
      <c r="H23" s="105"/>
      <c r="I23" s="105"/>
      <c r="J23" s="105"/>
      <c r="K23" s="105"/>
      <c r="L23" s="105"/>
      <c r="M23" s="105"/>
      <c r="N23" s="105"/>
      <c r="O23" s="105"/>
      <c r="P23" s="105"/>
      <c r="Q23" s="105"/>
      <c r="R23" s="105"/>
      <c r="S23" s="105"/>
      <c r="T23" s="105"/>
      <c r="U23" s="105"/>
      <c r="V23" s="105"/>
      <c r="W23" s="105"/>
      <c r="X23" s="105"/>
      <c r="Y23" s="105"/>
      <c r="Z23" s="105"/>
      <c r="AA23" s="105"/>
      <c r="AB23" s="105"/>
      <c r="AC23" s="105"/>
      <c r="AD23" s="105"/>
      <c r="AE23" s="105"/>
      <c r="AF23" s="105"/>
      <c r="AG23" s="122"/>
      <c r="AH23" s="123"/>
      <c r="AI23" s="123"/>
    </row>
    <row r="24" spans="2:37" ht="18" customHeight="1" thickBot="1" x14ac:dyDescent="0.2">
      <c r="B24" s="124"/>
      <c r="D24" s="124"/>
      <c r="E24" s="107"/>
      <c r="F24" s="107"/>
      <c r="G24" s="107"/>
      <c r="H24" s="107"/>
      <c r="I24" s="107"/>
      <c r="J24" s="107"/>
      <c r="K24" s="107"/>
      <c r="L24" s="107"/>
      <c r="M24" s="107"/>
      <c r="N24" s="107"/>
      <c r="O24" s="107"/>
      <c r="P24" s="107"/>
      <c r="Q24" s="107"/>
      <c r="R24" s="107"/>
      <c r="S24" s="107"/>
      <c r="T24" s="107"/>
      <c r="U24" s="107"/>
      <c r="V24" s="107"/>
      <c r="W24" s="107"/>
      <c r="X24" s="107"/>
      <c r="Y24" s="107"/>
      <c r="Z24" s="107"/>
      <c r="AA24" s="107"/>
      <c r="AB24" s="107"/>
      <c r="AC24" s="107"/>
      <c r="AD24" s="107"/>
      <c r="AE24" s="107"/>
      <c r="AF24" s="107"/>
      <c r="AG24" s="122"/>
      <c r="AH24" s="123"/>
      <c r="AI24" s="123"/>
    </row>
    <row r="25" spans="2:37" ht="18" customHeight="1" thickTop="1" x14ac:dyDescent="0.15">
      <c r="B25" s="413" t="s">
        <v>226</v>
      </c>
      <c r="C25" s="414" t="s">
        <v>227</v>
      </c>
      <c r="D25" s="414"/>
      <c r="E25" s="135"/>
      <c r="F25" s="135"/>
      <c r="G25" s="135"/>
      <c r="H25" s="135"/>
      <c r="I25" s="135"/>
      <c r="J25" s="135"/>
      <c r="K25" s="135"/>
      <c r="L25" s="135"/>
      <c r="M25" s="135"/>
      <c r="N25" s="135"/>
      <c r="O25" s="135"/>
      <c r="P25" s="135"/>
      <c r="Q25" s="135"/>
      <c r="R25" s="135"/>
      <c r="S25" s="135"/>
      <c r="T25" s="135"/>
      <c r="U25" s="135"/>
      <c r="V25" s="135"/>
      <c r="W25" s="135"/>
      <c r="X25" s="135"/>
      <c r="Y25" s="135"/>
      <c r="Z25" s="135"/>
      <c r="AA25" s="135"/>
      <c r="AB25" s="135"/>
      <c r="AC25" s="135"/>
      <c r="AD25" s="135"/>
      <c r="AE25" s="135"/>
      <c r="AF25" s="135"/>
      <c r="AI25" s="96"/>
    </row>
    <row r="26" spans="2:37" ht="30" customHeight="1" x14ac:dyDescent="0.15">
      <c r="B26" s="407"/>
      <c r="C26" s="407" t="s">
        <v>228</v>
      </c>
      <c r="D26" s="407"/>
      <c r="E26" s="136"/>
      <c r="F26" s="136"/>
      <c r="G26" s="136"/>
      <c r="H26" s="136"/>
      <c r="I26" s="136"/>
      <c r="J26" s="136"/>
      <c r="K26" s="136"/>
      <c r="L26" s="136"/>
      <c r="M26" s="136"/>
      <c r="N26" s="136"/>
      <c r="O26" s="136"/>
      <c r="P26" s="136"/>
      <c r="Q26" s="136"/>
      <c r="R26" s="136"/>
      <c r="S26" s="136"/>
      <c r="T26" s="136"/>
      <c r="U26" s="136"/>
      <c r="V26" s="136"/>
      <c r="W26" s="136"/>
      <c r="X26" s="136"/>
      <c r="Y26" s="136"/>
      <c r="Z26" s="136"/>
      <c r="AA26" s="136"/>
      <c r="AB26" s="136"/>
      <c r="AC26" s="136"/>
      <c r="AD26" s="136"/>
      <c r="AE26" s="136"/>
      <c r="AF26" s="136"/>
      <c r="AI26" s="97"/>
    </row>
    <row r="27" spans="2:37" ht="8.25" customHeight="1" x14ac:dyDescent="0.15">
      <c r="B27" s="125"/>
      <c r="C27" s="126"/>
      <c r="D27" s="126"/>
      <c r="E27" s="126"/>
      <c r="F27" s="126"/>
      <c r="G27" s="126"/>
      <c r="H27" s="126"/>
      <c r="I27" s="126"/>
      <c r="J27" s="126"/>
      <c r="K27" s="126"/>
      <c r="L27" s="126"/>
      <c r="M27" s="126"/>
      <c r="N27" s="126"/>
      <c r="O27" s="126"/>
      <c r="P27" s="126"/>
      <c r="Q27" s="126"/>
      <c r="R27" s="126"/>
      <c r="S27" s="126"/>
      <c r="T27" s="126"/>
      <c r="U27" s="126"/>
      <c r="V27" s="126"/>
      <c r="W27" s="126"/>
      <c r="X27" s="126"/>
      <c r="Y27" s="126"/>
      <c r="Z27" s="126"/>
      <c r="AA27" s="126"/>
      <c r="AB27" s="126"/>
      <c r="AC27" s="126"/>
      <c r="AD27" s="126"/>
      <c r="AE27" s="126"/>
      <c r="AF27" s="126"/>
      <c r="AI27" s="97"/>
    </row>
    <row r="28" spans="2:37" x14ac:dyDescent="0.15">
      <c r="B28" s="127" t="s">
        <v>68</v>
      </c>
      <c r="C28" s="94"/>
      <c r="D28" s="94"/>
      <c r="E28" s="128"/>
      <c r="F28" s="94"/>
      <c r="G28" s="94"/>
      <c r="H28" s="94"/>
      <c r="I28" s="94"/>
      <c r="J28" s="94"/>
      <c r="K28" s="94"/>
      <c r="L28" s="94"/>
      <c r="M28" s="94"/>
      <c r="N28" s="94"/>
      <c r="O28" s="94"/>
      <c r="P28" s="94"/>
      <c r="Q28" s="94"/>
      <c r="R28" s="94"/>
      <c r="S28" s="94"/>
      <c r="T28" s="94"/>
      <c r="U28" s="94"/>
      <c r="V28" s="94"/>
      <c r="W28" s="94"/>
      <c r="X28" s="94"/>
      <c r="Y28" s="94"/>
      <c r="Z28" s="94"/>
      <c r="AA28" s="94"/>
      <c r="AB28" s="94"/>
      <c r="AC28" s="94"/>
      <c r="AD28" s="94"/>
      <c r="AE28" s="94"/>
      <c r="AF28" s="94"/>
      <c r="AG28" s="94"/>
      <c r="AH28" s="94"/>
      <c r="AI28" s="129"/>
      <c r="AJ28" s="130"/>
      <c r="AK28" s="130"/>
    </row>
    <row r="29" spans="2:37" ht="6" customHeight="1" x14ac:dyDescent="0.15">
      <c r="B29" s="127"/>
      <c r="C29" s="94"/>
      <c r="D29" s="94"/>
      <c r="E29" s="94"/>
      <c r="F29" s="94"/>
      <c r="G29" s="94"/>
      <c r="H29" s="94"/>
      <c r="I29" s="94"/>
      <c r="J29" s="94"/>
      <c r="K29" s="94"/>
      <c r="L29" s="94"/>
      <c r="M29" s="94"/>
      <c r="N29" s="94"/>
      <c r="O29" s="94"/>
      <c r="P29" s="94"/>
      <c r="Q29" s="94"/>
      <c r="R29" s="94"/>
      <c r="S29" s="94"/>
      <c r="T29" s="94"/>
      <c r="U29" s="94"/>
      <c r="V29" s="94"/>
      <c r="W29" s="94"/>
      <c r="X29" s="94"/>
      <c r="Y29" s="94"/>
      <c r="Z29" s="94"/>
      <c r="AA29" s="94"/>
      <c r="AB29" s="94"/>
      <c r="AC29" s="94"/>
      <c r="AD29" s="94"/>
      <c r="AE29" s="94"/>
      <c r="AF29" s="94"/>
      <c r="AG29" s="94"/>
      <c r="AH29" s="94"/>
      <c r="AI29" s="97"/>
    </row>
    <row r="30" spans="2:37" x14ac:dyDescent="0.15">
      <c r="B30" s="127" t="s">
        <v>69</v>
      </c>
      <c r="C30" s="94"/>
      <c r="D30" s="94"/>
      <c r="E30" s="94"/>
      <c r="F30" s="94"/>
      <c r="G30" s="94"/>
      <c r="H30" s="94"/>
      <c r="I30" s="94"/>
      <c r="J30" s="94"/>
      <c r="K30" s="94"/>
      <c r="L30" s="94"/>
      <c r="M30" s="94"/>
      <c r="N30" s="94"/>
      <c r="O30" s="94"/>
      <c r="P30" s="94"/>
      <c r="Q30" s="94"/>
      <c r="R30" s="94"/>
      <c r="S30" s="94"/>
      <c r="T30" s="94"/>
      <c r="U30" s="94"/>
      <c r="V30" s="94"/>
      <c r="W30" s="94"/>
      <c r="X30" s="94"/>
      <c r="Y30" s="94"/>
      <c r="Z30" s="94"/>
      <c r="AA30" s="94"/>
      <c r="AB30" s="94"/>
      <c r="AC30" s="94"/>
      <c r="AD30" s="94"/>
      <c r="AE30" s="94"/>
      <c r="AF30" s="94"/>
      <c r="AG30" s="94"/>
      <c r="AH30" s="94"/>
      <c r="AI30" s="97"/>
    </row>
    <row r="31" spans="2:37" x14ac:dyDescent="0.15">
      <c r="B31" s="127" t="s">
        <v>160</v>
      </c>
      <c r="C31" s="94"/>
      <c r="D31" s="94"/>
      <c r="E31" s="94"/>
      <c r="F31" s="94"/>
      <c r="G31" s="94"/>
      <c r="H31" s="94"/>
      <c r="I31" s="94"/>
      <c r="J31" s="94"/>
      <c r="K31" s="94"/>
      <c r="L31" s="94"/>
      <c r="M31" s="94"/>
      <c r="N31" s="94"/>
      <c r="O31" s="94"/>
      <c r="P31" s="94"/>
      <c r="Q31" s="94"/>
      <c r="R31" s="94"/>
      <c r="S31" s="94"/>
      <c r="T31" s="94"/>
      <c r="U31" s="94"/>
      <c r="V31" s="94"/>
      <c r="W31" s="94"/>
      <c r="X31" s="94"/>
      <c r="Y31" s="94"/>
      <c r="Z31" s="94"/>
      <c r="AA31" s="94"/>
      <c r="AB31" s="94"/>
      <c r="AC31" s="94"/>
      <c r="AD31" s="94"/>
      <c r="AE31" s="94"/>
      <c r="AF31" s="94"/>
      <c r="AG31" s="94"/>
      <c r="AH31" s="94"/>
      <c r="AI31" s="97"/>
    </row>
    <row r="32" spans="2:37" ht="6.75" customHeight="1" x14ac:dyDescent="0.15">
      <c r="B32" s="127"/>
      <c r="C32" s="94"/>
      <c r="D32" s="94"/>
      <c r="E32" s="94"/>
      <c r="F32" s="94"/>
      <c r="G32" s="94"/>
      <c r="H32" s="94"/>
      <c r="I32" s="94"/>
      <c r="J32" s="94"/>
      <c r="K32" s="94"/>
      <c r="L32" s="94"/>
      <c r="M32" s="94"/>
      <c r="N32" s="94"/>
      <c r="O32" s="94"/>
      <c r="P32" s="94"/>
      <c r="Q32" s="94"/>
      <c r="R32" s="94"/>
      <c r="S32" s="94"/>
      <c r="T32" s="94"/>
      <c r="U32" s="94"/>
      <c r="V32" s="94"/>
      <c r="W32" s="94"/>
      <c r="X32" s="94"/>
      <c r="Y32" s="94"/>
      <c r="Z32" s="94"/>
      <c r="AA32" s="94"/>
      <c r="AB32" s="94"/>
      <c r="AC32" s="94"/>
      <c r="AD32" s="94"/>
      <c r="AE32" s="94"/>
      <c r="AF32" s="94"/>
      <c r="AG32" s="94"/>
      <c r="AH32" s="94"/>
      <c r="AI32" s="97"/>
    </row>
    <row r="33" spans="2:35" x14ac:dyDescent="0.15">
      <c r="B33" s="127" t="s">
        <v>70</v>
      </c>
      <c r="C33" s="94"/>
      <c r="D33" s="94"/>
      <c r="E33" s="94"/>
      <c r="F33" s="94"/>
      <c r="G33" s="94"/>
      <c r="H33" s="94"/>
      <c r="I33" s="94"/>
      <c r="J33" s="94"/>
      <c r="K33" s="94"/>
      <c r="L33" s="94"/>
      <c r="M33" s="94"/>
      <c r="N33" s="94"/>
      <c r="O33" s="94"/>
      <c r="P33" s="94"/>
      <c r="Q33" s="94"/>
      <c r="R33" s="94"/>
      <c r="S33" s="94"/>
      <c r="T33" s="94"/>
      <c r="U33" s="94"/>
      <c r="V33" s="94"/>
      <c r="W33" s="94"/>
      <c r="X33" s="94"/>
      <c r="Y33" s="94"/>
      <c r="Z33" s="94"/>
      <c r="AA33" s="94"/>
      <c r="AB33" s="94"/>
      <c r="AC33" s="94"/>
      <c r="AD33" s="94"/>
      <c r="AE33" s="94"/>
      <c r="AF33" s="94"/>
      <c r="AG33" s="94"/>
      <c r="AH33" s="94"/>
      <c r="AI33" s="97"/>
    </row>
    <row r="34" spans="2:35" x14ac:dyDescent="0.15">
      <c r="B34" s="127" t="s">
        <v>160</v>
      </c>
      <c r="C34" s="94"/>
      <c r="D34" s="94"/>
      <c r="E34" s="94"/>
      <c r="F34" s="94"/>
      <c r="G34" s="94"/>
      <c r="H34" s="94"/>
      <c r="I34" s="94"/>
      <c r="J34" s="94"/>
      <c r="K34" s="94"/>
      <c r="L34" s="94"/>
      <c r="M34" s="94"/>
      <c r="N34" s="94"/>
      <c r="O34" s="94"/>
      <c r="P34" s="94"/>
      <c r="Q34" s="94"/>
      <c r="R34" s="94"/>
      <c r="S34" s="94"/>
      <c r="T34" s="94"/>
      <c r="U34" s="94"/>
      <c r="V34" s="94"/>
      <c r="W34" s="94"/>
      <c r="X34" s="94"/>
      <c r="Y34" s="94"/>
      <c r="Z34" s="94"/>
      <c r="AA34" s="94"/>
      <c r="AB34" s="94"/>
      <c r="AC34" s="94"/>
      <c r="AD34" s="94"/>
      <c r="AE34" s="94"/>
      <c r="AF34" s="94"/>
      <c r="AG34" s="94"/>
      <c r="AH34" s="94"/>
      <c r="AI34" s="97"/>
    </row>
    <row r="35" spans="2:35" ht="6.75" customHeight="1" x14ac:dyDescent="0.15">
      <c r="B35" s="127"/>
      <c r="C35" s="94"/>
      <c r="D35" s="94"/>
      <c r="E35" s="94"/>
      <c r="F35" s="94"/>
      <c r="G35" s="94"/>
      <c r="H35" s="94"/>
      <c r="I35" s="94"/>
      <c r="J35" s="94"/>
      <c r="K35" s="94"/>
      <c r="L35" s="94"/>
      <c r="M35" s="94"/>
      <c r="N35" s="94"/>
      <c r="O35" s="94"/>
      <c r="P35" s="94"/>
      <c r="Q35" s="94"/>
      <c r="R35" s="94"/>
      <c r="S35" s="94"/>
      <c r="T35" s="94"/>
      <c r="U35" s="94"/>
      <c r="V35" s="94"/>
      <c r="W35" s="94"/>
      <c r="X35" s="94"/>
      <c r="Y35" s="94"/>
      <c r="Z35" s="94"/>
      <c r="AA35" s="94"/>
      <c r="AB35" s="94"/>
      <c r="AC35" s="94"/>
      <c r="AD35" s="94"/>
      <c r="AE35" s="94"/>
      <c r="AF35" s="94"/>
      <c r="AG35" s="94"/>
      <c r="AH35" s="94"/>
      <c r="AI35" s="97"/>
    </row>
    <row r="36" spans="2:35" x14ac:dyDescent="0.15">
      <c r="B36" s="127" t="s">
        <v>71</v>
      </c>
      <c r="C36" s="94"/>
      <c r="D36" s="94"/>
      <c r="E36" s="94"/>
      <c r="F36" s="94"/>
      <c r="G36" s="94"/>
      <c r="H36" s="94"/>
      <c r="I36" s="94"/>
      <c r="J36" s="94"/>
      <c r="K36" s="94"/>
      <c r="L36" s="94"/>
      <c r="M36" s="94"/>
      <c r="N36" s="94"/>
      <c r="O36" s="94"/>
      <c r="P36" s="94"/>
      <c r="Q36" s="94"/>
      <c r="R36" s="94"/>
      <c r="S36" s="94"/>
      <c r="T36" s="94"/>
      <c r="U36" s="94"/>
      <c r="V36" s="94"/>
      <c r="W36" s="94"/>
      <c r="X36" s="94"/>
      <c r="Y36" s="94"/>
      <c r="Z36" s="94"/>
      <c r="AA36" s="94"/>
      <c r="AB36" s="94"/>
      <c r="AC36" s="94"/>
      <c r="AD36" s="94"/>
      <c r="AE36" s="94"/>
      <c r="AF36" s="94"/>
      <c r="AG36" s="94"/>
      <c r="AH36" s="94"/>
      <c r="AI36" s="97"/>
    </row>
    <row r="37" spans="2:35" x14ac:dyDescent="0.15">
      <c r="B37" s="127" t="s">
        <v>160</v>
      </c>
      <c r="C37" s="94"/>
      <c r="D37" s="94"/>
      <c r="E37" s="94"/>
      <c r="F37" s="94"/>
      <c r="G37" s="94"/>
      <c r="H37" s="94"/>
      <c r="I37" s="94"/>
      <c r="J37" s="94"/>
      <c r="K37" s="94"/>
      <c r="L37" s="94"/>
      <c r="M37" s="94"/>
      <c r="N37" s="94"/>
      <c r="O37" s="94"/>
      <c r="P37" s="94"/>
      <c r="Q37" s="94"/>
      <c r="R37" s="94"/>
      <c r="S37" s="94"/>
      <c r="T37" s="94"/>
      <c r="U37" s="94"/>
      <c r="V37" s="94"/>
      <c r="W37" s="94"/>
      <c r="X37" s="94"/>
      <c r="Y37" s="94"/>
      <c r="Z37" s="94"/>
      <c r="AA37" s="94"/>
      <c r="AB37" s="94"/>
      <c r="AC37" s="94"/>
      <c r="AD37" s="94"/>
      <c r="AE37" s="94"/>
      <c r="AF37" s="94"/>
      <c r="AG37" s="94"/>
      <c r="AH37" s="94"/>
      <c r="AI37" s="97"/>
    </row>
    <row r="38" spans="2:35" ht="6" customHeight="1" x14ac:dyDescent="0.15">
      <c r="B38" s="131"/>
      <c r="C38" s="98"/>
      <c r="D38" s="98"/>
      <c r="E38" s="98"/>
      <c r="F38" s="98"/>
      <c r="G38" s="98"/>
      <c r="H38" s="98"/>
      <c r="I38" s="98"/>
      <c r="J38" s="98"/>
      <c r="K38" s="98"/>
      <c r="L38" s="98"/>
      <c r="M38" s="98"/>
      <c r="N38" s="98"/>
      <c r="O38" s="98"/>
      <c r="P38" s="98"/>
      <c r="Q38" s="98"/>
      <c r="R38" s="98"/>
      <c r="S38" s="98"/>
      <c r="T38" s="98"/>
      <c r="U38" s="98"/>
      <c r="V38" s="98"/>
      <c r="W38" s="98"/>
      <c r="X38" s="98"/>
      <c r="Y38" s="98"/>
      <c r="Z38" s="98"/>
      <c r="AA38" s="98"/>
      <c r="AB38" s="98"/>
      <c r="AC38" s="98"/>
      <c r="AD38" s="98"/>
      <c r="AE38" s="98"/>
      <c r="AF38" s="98"/>
      <c r="AG38" s="98"/>
      <c r="AH38" s="98"/>
      <c r="AI38" s="99"/>
    </row>
    <row r="39" spans="2:35" ht="6" customHeight="1" x14ac:dyDescent="0.15">
      <c r="B39" s="132"/>
      <c r="C39" s="94"/>
      <c r="D39" s="94"/>
      <c r="E39" s="94"/>
    </row>
    <row r="40" spans="2:35" ht="6.75" customHeight="1" x14ac:dyDescent="0.15">
      <c r="B40" s="132"/>
      <c r="C40" s="94"/>
      <c r="D40" s="94"/>
      <c r="E40" s="94"/>
    </row>
    <row r="41" spans="2:35" x14ac:dyDescent="0.15">
      <c r="B41" s="86" t="s">
        <v>161</v>
      </c>
    </row>
    <row r="42" spans="2:35" x14ac:dyDescent="0.15">
      <c r="B42" s="86" t="s">
        <v>162</v>
      </c>
    </row>
    <row r="43" spans="2:35" x14ac:dyDescent="0.15">
      <c r="B43" s="86" t="s">
        <v>163</v>
      </c>
    </row>
    <row r="44" spans="2:35" x14ac:dyDescent="0.15">
      <c r="B44" s="86" t="s">
        <v>164</v>
      </c>
    </row>
    <row r="45" spans="2:35" x14ac:dyDescent="0.15">
      <c r="B45" s="86" t="s">
        <v>165</v>
      </c>
    </row>
    <row r="46" spans="2:35" x14ac:dyDescent="0.15">
      <c r="B46" s="86" t="s">
        <v>166</v>
      </c>
    </row>
    <row r="47" spans="2:35" x14ac:dyDescent="0.15">
      <c r="B47" s="86" t="s">
        <v>167</v>
      </c>
    </row>
    <row r="48" spans="2:35" x14ac:dyDescent="0.15">
      <c r="B48" s="86" t="s">
        <v>168</v>
      </c>
    </row>
    <row r="49" spans="2:2" x14ac:dyDescent="0.15">
      <c r="B49" s="86" t="s">
        <v>169</v>
      </c>
    </row>
    <row r="50" spans="2:2" x14ac:dyDescent="0.15">
      <c r="B50" s="86" t="s">
        <v>170</v>
      </c>
    </row>
    <row r="51" spans="2:2" ht="14.25" x14ac:dyDescent="0.15">
      <c r="B51" s="133" t="s">
        <v>171</v>
      </c>
    </row>
    <row r="52" spans="2:2" x14ac:dyDescent="0.15">
      <c r="B52" s="86" t="s">
        <v>172</v>
      </c>
    </row>
    <row r="53" spans="2:2" x14ac:dyDescent="0.15">
      <c r="B53" s="86" t="s">
        <v>173</v>
      </c>
    </row>
    <row r="54" spans="2:2" x14ac:dyDescent="0.15">
      <c r="B54" s="86" t="s">
        <v>234</v>
      </c>
    </row>
    <row r="55" spans="2:2" x14ac:dyDescent="0.15">
      <c r="B55" s="86" t="s">
        <v>235</v>
      </c>
    </row>
    <row r="56" spans="2:2" x14ac:dyDescent="0.15">
      <c r="B56" s="86" t="s">
        <v>236</v>
      </c>
    </row>
    <row r="57" spans="2:2" x14ac:dyDescent="0.15">
      <c r="B57" s="86" t="s">
        <v>237</v>
      </c>
    </row>
    <row r="58" spans="2:2" x14ac:dyDescent="0.15">
      <c r="B58" s="86" t="s">
        <v>238</v>
      </c>
    </row>
    <row r="59" spans="2:2" x14ac:dyDescent="0.15">
      <c r="B59" s="86" t="s">
        <v>239</v>
      </c>
    </row>
    <row r="60" spans="2:2" x14ac:dyDescent="0.15">
      <c r="B60" s="86" t="s">
        <v>174</v>
      </c>
    </row>
    <row r="61" spans="2:2" x14ac:dyDescent="0.15">
      <c r="B61" s="86" t="s">
        <v>175</v>
      </c>
    </row>
    <row r="62" spans="2:2" x14ac:dyDescent="0.15">
      <c r="B62" s="86"/>
    </row>
    <row r="63" spans="2:2" x14ac:dyDescent="0.15">
      <c r="B63" s="86"/>
    </row>
    <row r="64" spans="2:2" x14ac:dyDescent="0.15">
      <c r="B64" s="86"/>
    </row>
    <row r="65" spans="2:2" x14ac:dyDescent="0.15">
      <c r="B65" s="86"/>
    </row>
    <row r="66" spans="2:2" x14ac:dyDescent="0.15">
      <c r="B66" s="86"/>
    </row>
    <row r="67" spans="2:2" x14ac:dyDescent="0.15">
      <c r="B67" s="86"/>
    </row>
    <row r="68" spans="2:2" x14ac:dyDescent="0.15">
      <c r="B68" s="86"/>
    </row>
    <row r="69" spans="2:2" x14ac:dyDescent="0.15">
      <c r="B69" s="86"/>
    </row>
    <row r="70" spans="2:2" x14ac:dyDescent="0.15">
      <c r="B70" s="86"/>
    </row>
    <row r="71" spans="2:2" x14ac:dyDescent="0.15">
      <c r="B71" s="86"/>
    </row>
    <row r="72" spans="2:2" x14ac:dyDescent="0.15">
      <c r="B72" s="86"/>
    </row>
    <row r="73" spans="2:2" x14ac:dyDescent="0.15">
      <c r="B73" s="86"/>
    </row>
    <row r="74" spans="2:2" x14ac:dyDescent="0.15">
      <c r="B74" s="86"/>
    </row>
    <row r="75" spans="2:2" x14ac:dyDescent="0.15">
      <c r="B75" s="86"/>
    </row>
    <row r="76" spans="2:2" x14ac:dyDescent="0.15">
      <c r="B76" s="86"/>
    </row>
    <row r="77" spans="2:2" x14ac:dyDescent="0.15">
      <c r="B77" s="86"/>
    </row>
    <row r="78" spans="2:2" x14ac:dyDescent="0.15">
      <c r="B78" s="86"/>
    </row>
    <row r="79" spans="2:2" x14ac:dyDescent="0.15">
      <c r="B79" s="86"/>
    </row>
    <row r="80" spans="2:2" x14ac:dyDescent="0.15">
      <c r="B80" s="86"/>
    </row>
    <row r="81" spans="2:2" x14ac:dyDescent="0.15">
      <c r="B81" s="86"/>
    </row>
    <row r="82" spans="2:2" x14ac:dyDescent="0.15">
      <c r="B82" s="86"/>
    </row>
    <row r="83" spans="2:2" x14ac:dyDescent="0.15">
      <c r="B83" s="86"/>
    </row>
    <row r="84" spans="2:2" x14ac:dyDescent="0.15">
      <c r="B84" s="86"/>
    </row>
    <row r="85" spans="2:2" x14ac:dyDescent="0.15">
      <c r="B85" s="86"/>
    </row>
    <row r="86" spans="2:2" x14ac:dyDescent="0.15">
      <c r="B86" s="86"/>
    </row>
    <row r="87" spans="2:2" x14ac:dyDescent="0.15">
      <c r="B87" s="86"/>
    </row>
    <row r="88" spans="2:2" x14ac:dyDescent="0.15">
      <c r="B88" s="86"/>
    </row>
    <row r="89" spans="2:2" x14ac:dyDescent="0.15">
      <c r="B89" s="86"/>
    </row>
  </sheetData>
  <mergeCells count="15">
    <mergeCell ref="B25:B26"/>
    <mergeCell ref="C25:D25"/>
    <mergeCell ref="C26:D26"/>
    <mergeCell ref="Z10:AF10"/>
    <mergeCell ref="AG10:AG12"/>
    <mergeCell ref="AH10:AH12"/>
    <mergeCell ref="AI10:AI12"/>
    <mergeCell ref="B13:D13"/>
    <mergeCell ref="B14:D14"/>
    <mergeCell ref="B10:B12"/>
    <mergeCell ref="C10:C12"/>
    <mergeCell ref="D10:D12"/>
    <mergeCell ref="E10:K10"/>
    <mergeCell ref="L10:R10"/>
    <mergeCell ref="S10:Y10"/>
  </mergeCells>
  <phoneticPr fontId="6"/>
  <printOptions horizontalCentered="1"/>
  <pageMargins left="0.23622047244094491" right="0.23622047244094491" top="0.74803149606299213" bottom="0.74803149606299213" header="0.31496062992125984" footer="0.31496062992125984"/>
  <pageSetup paperSize="9" scale="87" orientation="landscape" cellComments="asDisplayed" r:id="rId1"/>
  <headerFooter alignWithMargins="0"/>
  <rowBreaks count="1" manualBreakCount="1">
    <brk id="39" max="35"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X94"/>
  <sheetViews>
    <sheetView view="pageBreakPreview" topLeftCell="B1" zoomScaleNormal="100" zoomScaleSheetLayoutView="100" workbookViewId="0">
      <selection activeCell="E5" sqref="E5"/>
    </sheetView>
  </sheetViews>
  <sheetFormatPr defaultRowHeight="13.5" x14ac:dyDescent="0.15"/>
  <cols>
    <col min="1" max="1" width="1.625" style="263" customWidth="1"/>
    <col min="2" max="2" width="9.625" style="263" customWidth="1"/>
    <col min="3" max="3" width="8.625" style="263" customWidth="1"/>
    <col min="4" max="4" width="5.625" style="263" customWidth="1"/>
    <col min="5" max="6" width="15.625" style="263" customWidth="1"/>
    <col min="7" max="7" width="5.625" style="263" customWidth="1"/>
    <col min="8" max="8" width="16.625" style="263" customWidth="1"/>
    <col min="9" max="9" width="5.625" style="263" customWidth="1"/>
    <col min="10" max="10" width="15.625" style="263" customWidth="1"/>
    <col min="11" max="11" width="5.625" style="263" customWidth="1"/>
    <col min="12" max="12" width="3.125" style="263" customWidth="1"/>
    <col min="13" max="18" width="4.625" style="263" customWidth="1"/>
    <col min="19" max="19" width="1.625" style="263" customWidth="1"/>
    <col min="20" max="21" width="9" style="263"/>
    <col min="22" max="22" width="18.5" style="263" bestFit="1" customWidth="1"/>
    <col min="23" max="23" width="29.875" style="263" bestFit="1" customWidth="1"/>
    <col min="24" max="24" width="30.375" style="263" bestFit="1" customWidth="1"/>
    <col min="25" max="16384" width="9" style="263"/>
  </cols>
  <sheetData>
    <row r="1" spans="2:24" x14ac:dyDescent="0.15">
      <c r="B1" s="347" t="s">
        <v>470</v>
      </c>
      <c r="K1" s="264" t="s">
        <v>394</v>
      </c>
      <c r="L1" s="419"/>
      <c r="M1" s="419"/>
      <c r="N1" s="265" t="s">
        <v>395</v>
      </c>
      <c r="O1" s="266"/>
      <c r="P1" s="265" t="s">
        <v>396</v>
      </c>
      <c r="Q1" s="266"/>
      <c r="R1" s="265" t="s">
        <v>397</v>
      </c>
    </row>
    <row r="2" spans="2:24" ht="18.75" x14ac:dyDescent="0.15">
      <c r="B2" s="420" t="s">
        <v>398</v>
      </c>
      <c r="C2" s="420"/>
      <c r="D2" s="420"/>
      <c r="E2" s="420"/>
      <c r="F2" s="420"/>
      <c r="G2" s="420"/>
      <c r="H2" s="420"/>
      <c r="I2" s="420"/>
      <c r="J2" s="420"/>
      <c r="K2" s="420"/>
      <c r="L2" s="420"/>
      <c r="M2" s="420"/>
      <c r="N2" s="420"/>
      <c r="O2" s="420"/>
      <c r="P2" s="420"/>
      <c r="Q2" s="420"/>
      <c r="R2" s="420"/>
    </row>
    <row r="3" spans="2:24" ht="7.5" customHeight="1" x14ac:dyDescent="0.15">
      <c r="B3" s="267"/>
      <c r="C3" s="267"/>
      <c r="D3" s="267"/>
      <c r="E3" s="267"/>
      <c r="F3" s="267"/>
      <c r="G3" s="267"/>
      <c r="H3" s="267"/>
      <c r="I3" s="267"/>
      <c r="J3" s="267"/>
      <c r="K3" s="267"/>
      <c r="L3" s="267"/>
      <c r="M3" s="267"/>
      <c r="N3" s="267"/>
      <c r="O3" s="267"/>
      <c r="P3" s="267"/>
      <c r="Q3" s="267"/>
      <c r="R3" s="267"/>
    </row>
    <row r="4" spans="2:24" ht="24.95" customHeight="1" x14ac:dyDescent="0.15">
      <c r="I4" s="264" t="s">
        <v>399</v>
      </c>
      <c r="J4" s="421"/>
      <c r="K4" s="421"/>
      <c r="L4" s="421"/>
      <c r="M4" s="421"/>
      <c r="N4" s="421"/>
      <c r="O4" s="421"/>
      <c r="P4" s="421"/>
      <c r="Q4" s="421"/>
      <c r="R4" s="421"/>
    </row>
    <row r="5" spans="2:24" ht="24.95" customHeight="1" x14ac:dyDescent="0.15">
      <c r="I5" s="264" t="s">
        <v>400</v>
      </c>
      <c r="J5" s="422"/>
      <c r="K5" s="422"/>
      <c r="L5" s="422"/>
      <c r="M5" s="422"/>
      <c r="N5" s="422"/>
      <c r="O5" s="422"/>
      <c r="P5" s="422"/>
      <c r="Q5" s="422"/>
      <c r="R5" s="422"/>
    </row>
    <row r="6" spans="2:24" ht="24.95" customHeight="1" x14ac:dyDescent="0.15">
      <c r="I6" s="264" t="s">
        <v>401</v>
      </c>
      <c r="J6" s="422"/>
      <c r="K6" s="422"/>
      <c r="L6" s="422"/>
      <c r="M6" s="422"/>
      <c r="N6" s="422"/>
      <c r="O6" s="422"/>
      <c r="P6" s="422"/>
      <c r="Q6" s="422"/>
      <c r="R6" s="422"/>
    </row>
    <row r="7" spans="2:24" ht="9" customHeight="1" x14ac:dyDescent="0.15">
      <c r="I7" s="264"/>
      <c r="J7" s="268"/>
      <c r="K7" s="268"/>
      <c r="L7" s="268"/>
      <c r="M7" s="268"/>
      <c r="N7" s="268"/>
      <c r="O7" s="268"/>
      <c r="P7" s="268"/>
      <c r="Q7" s="268"/>
      <c r="R7" s="268"/>
    </row>
    <row r="8" spans="2:24" x14ac:dyDescent="0.15">
      <c r="B8" s="423" t="s">
        <v>402</v>
      </c>
      <c r="C8" s="423"/>
      <c r="D8" s="423"/>
      <c r="E8" s="269"/>
      <c r="F8" s="424" t="s">
        <v>388</v>
      </c>
      <c r="G8" s="424"/>
      <c r="H8" s="424"/>
      <c r="I8" s="424"/>
    </row>
    <row r="9" spans="2:24" hidden="1" x14ac:dyDescent="0.15">
      <c r="E9" s="269"/>
      <c r="F9" s="434" t="str">
        <f>IF(F8='参考様式23-参考資料'!W19,'参考様式23-参考資料'!X18,'参考様式23-参考資料'!X17)</f>
        <v>介護職員</v>
      </c>
      <c r="G9" s="434"/>
      <c r="H9" s="434"/>
      <c r="I9" s="434"/>
    </row>
    <row r="10" spans="2:24" ht="9" customHeight="1" x14ac:dyDescent="0.15"/>
    <row r="11" spans="2:24" x14ac:dyDescent="0.15">
      <c r="B11" s="270" t="s">
        <v>403</v>
      </c>
      <c r="F11" s="435" t="s">
        <v>404</v>
      </c>
      <c r="G11" s="435"/>
      <c r="H11" s="435"/>
      <c r="I11" s="435"/>
      <c r="J11" s="264" t="s">
        <v>405</v>
      </c>
      <c r="K11" s="271"/>
    </row>
    <row r="12" spans="2:24" ht="9" customHeight="1" x14ac:dyDescent="0.15"/>
    <row r="13" spans="2:24" x14ac:dyDescent="0.15">
      <c r="B13" s="270" t="s">
        <v>406</v>
      </c>
    </row>
    <row r="14" spans="2:24" x14ac:dyDescent="0.15">
      <c r="B14" s="297" t="s">
        <v>363</v>
      </c>
      <c r="C14" s="436" t="s">
        <v>407</v>
      </c>
      <c r="D14" s="436"/>
      <c r="E14" s="436"/>
      <c r="F14" s="436"/>
      <c r="G14" s="436"/>
      <c r="H14" s="436"/>
      <c r="I14" s="436"/>
      <c r="J14" s="436"/>
      <c r="K14" s="436"/>
      <c r="M14" s="437" t="s">
        <v>408</v>
      </c>
      <c r="N14" s="438"/>
      <c r="O14" s="438"/>
      <c r="P14" s="438"/>
      <c r="Q14" s="438"/>
      <c r="R14" s="439"/>
    </row>
    <row r="15" spans="2:24" ht="80.099999999999994" customHeight="1" x14ac:dyDescent="0.15">
      <c r="B15" s="272"/>
      <c r="C15" s="440" t="s">
        <v>409</v>
      </c>
      <c r="D15" s="440"/>
      <c r="E15" s="272"/>
      <c r="F15" s="441" t="s">
        <v>410</v>
      </c>
      <c r="G15" s="441"/>
      <c r="H15" s="441" t="s">
        <v>411</v>
      </c>
      <c r="I15" s="441"/>
      <c r="J15" s="440" t="s">
        <v>412</v>
      </c>
      <c r="K15" s="440"/>
      <c r="M15" s="442" t="str">
        <f>F8</f>
        <v>介護福祉士</v>
      </c>
      <c r="N15" s="443"/>
      <c r="O15" s="444"/>
      <c r="P15" s="442" t="str">
        <f>F9</f>
        <v>介護職員</v>
      </c>
      <c r="Q15" s="443"/>
      <c r="R15" s="444"/>
    </row>
    <row r="16" spans="2:24" ht="26.1" customHeight="1" x14ac:dyDescent="0.15">
      <c r="B16" s="300" t="s">
        <v>462</v>
      </c>
      <c r="C16" s="425"/>
      <c r="D16" s="426" t="s">
        <v>413</v>
      </c>
      <c r="E16" s="274" t="str">
        <f>$F$8</f>
        <v>介護福祉士</v>
      </c>
      <c r="F16" s="275"/>
      <c r="G16" s="276" t="s">
        <v>414</v>
      </c>
      <c r="H16" s="275"/>
      <c r="I16" s="276" t="s">
        <v>413</v>
      </c>
      <c r="J16" s="275"/>
      <c r="K16" s="276" t="s">
        <v>413</v>
      </c>
      <c r="M16" s="428" t="str">
        <f>IF(C16="","",F16+ROUNDDOWN((H16+J16)/C16,1))</f>
        <v/>
      </c>
      <c r="N16" s="429"/>
      <c r="O16" s="430"/>
      <c r="P16" s="428" t="str">
        <f>IF(C16="","",F17+ROUNDDOWN((H17+J17)/C16,1))</f>
        <v/>
      </c>
      <c r="Q16" s="429"/>
      <c r="R16" s="430"/>
      <c r="V16" s="261"/>
      <c r="W16" s="262" t="s">
        <v>385</v>
      </c>
      <c r="X16" s="262" t="s">
        <v>386</v>
      </c>
    </row>
    <row r="17" spans="2:24" ht="26.1" customHeight="1" x14ac:dyDescent="0.15">
      <c r="B17" s="277" t="s">
        <v>415</v>
      </c>
      <c r="C17" s="425"/>
      <c r="D17" s="427"/>
      <c r="E17" s="278" t="str">
        <f>$F$9</f>
        <v>介護職員</v>
      </c>
      <c r="F17" s="279"/>
      <c r="G17" s="280" t="s">
        <v>414</v>
      </c>
      <c r="H17" s="279"/>
      <c r="I17" s="280" t="s">
        <v>413</v>
      </c>
      <c r="J17" s="279"/>
      <c r="K17" s="280" t="s">
        <v>413</v>
      </c>
      <c r="M17" s="431"/>
      <c r="N17" s="432"/>
      <c r="O17" s="433"/>
      <c r="P17" s="431"/>
      <c r="Q17" s="432"/>
      <c r="R17" s="433"/>
      <c r="V17" s="461" t="s">
        <v>387</v>
      </c>
      <c r="W17" s="261" t="s">
        <v>388</v>
      </c>
      <c r="X17" s="261" t="s">
        <v>389</v>
      </c>
    </row>
    <row r="18" spans="2:24" ht="26.1" customHeight="1" x14ac:dyDescent="0.15">
      <c r="B18" s="273"/>
      <c r="C18" s="425"/>
      <c r="D18" s="426" t="s">
        <v>413</v>
      </c>
      <c r="E18" s="281" t="str">
        <f>$F$8</f>
        <v>介護福祉士</v>
      </c>
      <c r="F18" s="282"/>
      <c r="G18" s="283" t="s">
        <v>414</v>
      </c>
      <c r="H18" s="275"/>
      <c r="I18" s="283" t="s">
        <v>413</v>
      </c>
      <c r="J18" s="275"/>
      <c r="K18" s="283" t="s">
        <v>413</v>
      </c>
      <c r="M18" s="428" t="str">
        <f>IF(C18="","",F18+ROUNDDOWN((H18+J18)/C18,1))</f>
        <v/>
      </c>
      <c r="N18" s="429"/>
      <c r="O18" s="430"/>
      <c r="P18" s="428" t="str">
        <f>IF(C18="","",F19+ROUNDDOWN((H19+J19)/C18,1))</f>
        <v/>
      </c>
      <c r="Q18" s="429"/>
      <c r="R18" s="430"/>
      <c r="V18" s="462"/>
      <c r="W18" s="261" t="s">
        <v>390</v>
      </c>
      <c r="X18" s="261" t="s">
        <v>391</v>
      </c>
    </row>
    <row r="19" spans="2:24" ht="26.1" customHeight="1" x14ac:dyDescent="0.15">
      <c r="B19" s="277" t="s">
        <v>416</v>
      </c>
      <c r="C19" s="425"/>
      <c r="D19" s="427"/>
      <c r="E19" s="278" t="str">
        <f>$F$9</f>
        <v>介護職員</v>
      </c>
      <c r="F19" s="279"/>
      <c r="G19" s="280" t="s">
        <v>414</v>
      </c>
      <c r="H19" s="279"/>
      <c r="I19" s="280" t="s">
        <v>413</v>
      </c>
      <c r="J19" s="279"/>
      <c r="K19" s="280" t="s">
        <v>413</v>
      </c>
      <c r="M19" s="431"/>
      <c r="N19" s="432"/>
      <c r="O19" s="433"/>
      <c r="P19" s="431"/>
      <c r="Q19" s="432"/>
      <c r="R19" s="433"/>
      <c r="V19" s="462"/>
      <c r="W19" s="261" t="s">
        <v>392</v>
      </c>
      <c r="X19" s="261" t="s">
        <v>393</v>
      </c>
    </row>
    <row r="20" spans="2:24" ht="26.1" customHeight="1" x14ac:dyDescent="0.15">
      <c r="B20" s="273"/>
      <c r="C20" s="425"/>
      <c r="D20" s="426" t="s">
        <v>413</v>
      </c>
      <c r="E20" s="281" t="str">
        <f>$F$8</f>
        <v>介護福祉士</v>
      </c>
      <c r="F20" s="282"/>
      <c r="G20" s="283" t="s">
        <v>414</v>
      </c>
      <c r="H20" s="275"/>
      <c r="I20" s="283" t="s">
        <v>413</v>
      </c>
      <c r="J20" s="275"/>
      <c r="K20" s="283" t="s">
        <v>413</v>
      </c>
      <c r="M20" s="428" t="str">
        <f>IF(C20="","",F20+ROUNDDOWN((H20+J20)/C20,1))</f>
        <v/>
      </c>
      <c r="N20" s="429"/>
      <c r="O20" s="430"/>
      <c r="P20" s="428" t="str">
        <f>IF(C20="","",F21+ROUNDDOWN((H21+J21)/C20,1))</f>
        <v/>
      </c>
      <c r="Q20" s="429"/>
      <c r="R20" s="430"/>
      <c r="V20" s="462"/>
      <c r="W20" s="261" t="s">
        <v>393</v>
      </c>
      <c r="X20" s="261" t="s">
        <v>393</v>
      </c>
    </row>
    <row r="21" spans="2:24" ht="26.1" customHeight="1" x14ac:dyDescent="0.15">
      <c r="B21" s="277" t="s">
        <v>417</v>
      </c>
      <c r="C21" s="425"/>
      <c r="D21" s="427"/>
      <c r="E21" s="278" t="str">
        <f>$F$9</f>
        <v>介護職員</v>
      </c>
      <c r="F21" s="279"/>
      <c r="G21" s="280" t="s">
        <v>414</v>
      </c>
      <c r="H21" s="279"/>
      <c r="I21" s="280" t="s">
        <v>413</v>
      </c>
      <c r="J21" s="279"/>
      <c r="K21" s="280" t="s">
        <v>413</v>
      </c>
      <c r="M21" s="431"/>
      <c r="N21" s="432"/>
      <c r="O21" s="433"/>
      <c r="P21" s="431"/>
      <c r="Q21" s="432"/>
      <c r="R21" s="433"/>
      <c r="V21" s="462"/>
      <c r="W21" s="261" t="s">
        <v>393</v>
      </c>
      <c r="X21" s="261" t="s">
        <v>393</v>
      </c>
    </row>
    <row r="22" spans="2:24" ht="26.1" customHeight="1" x14ac:dyDescent="0.15">
      <c r="B22" s="273"/>
      <c r="C22" s="425"/>
      <c r="D22" s="426" t="s">
        <v>413</v>
      </c>
      <c r="E22" s="281" t="str">
        <f>$F$8</f>
        <v>介護福祉士</v>
      </c>
      <c r="F22" s="282"/>
      <c r="G22" s="283" t="s">
        <v>414</v>
      </c>
      <c r="H22" s="275"/>
      <c r="I22" s="283" t="s">
        <v>413</v>
      </c>
      <c r="J22" s="275"/>
      <c r="K22" s="283" t="s">
        <v>413</v>
      </c>
      <c r="M22" s="428" t="str">
        <f>IF(C22="","",F22+ROUNDDOWN((H22+J22)/C22,1))</f>
        <v/>
      </c>
      <c r="N22" s="429"/>
      <c r="O22" s="430"/>
      <c r="P22" s="428" t="str">
        <f>IF(C22="","",F23+ROUNDDOWN((H23+J23)/C22,1))</f>
        <v/>
      </c>
      <c r="Q22" s="429"/>
      <c r="R22" s="430"/>
      <c r="V22" s="463"/>
      <c r="W22" s="261" t="s">
        <v>393</v>
      </c>
      <c r="X22" s="261" t="s">
        <v>393</v>
      </c>
    </row>
    <row r="23" spans="2:24" ht="26.1" customHeight="1" x14ac:dyDescent="0.15">
      <c r="B23" s="277" t="s">
        <v>418</v>
      </c>
      <c r="C23" s="425"/>
      <c r="D23" s="427"/>
      <c r="E23" s="278" t="str">
        <f>$F$9</f>
        <v>介護職員</v>
      </c>
      <c r="F23" s="279"/>
      <c r="G23" s="280" t="s">
        <v>414</v>
      </c>
      <c r="H23" s="279"/>
      <c r="I23" s="280" t="s">
        <v>413</v>
      </c>
      <c r="J23" s="279"/>
      <c r="K23" s="280" t="s">
        <v>413</v>
      </c>
      <c r="M23" s="431"/>
      <c r="N23" s="432"/>
      <c r="O23" s="433"/>
      <c r="P23" s="431"/>
      <c r="Q23" s="432"/>
      <c r="R23" s="433"/>
    </row>
    <row r="24" spans="2:24" ht="26.1" customHeight="1" x14ac:dyDescent="0.15">
      <c r="B24" s="273"/>
      <c r="C24" s="425"/>
      <c r="D24" s="426" t="s">
        <v>413</v>
      </c>
      <c r="E24" s="281" t="str">
        <f>$F$8</f>
        <v>介護福祉士</v>
      </c>
      <c r="F24" s="282"/>
      <c r="G24" s="283" t="s">
        <v>414</v>
      </c>
      <c r="H24" s="275"/>
      <c r="I24" s="283" t="s">
        <v>413</v>
      </c>
      <c r="J24" s="275"/>
      <c r="K24" s="283" t="s">
        <v>413</v>
      </c>
      <c r="M24" s="428" t="str">
        <f>IF(C24="","",F24+ROUNDDOWN((H24+J24)/C24,1))</f>
        <v/>
      </c>
      <c r="N24" s="429"/>
      <c r="O24" s="430"/>
      <c r="P24" s="428" t="str">
        <f>IF(C24="","",F25+ROUNDDOWN((H25+J25)/C24,1))</f>
        <v/>
      </c>
      <c r="Q24" s="429"/>
      <c r="R24" s="430"/>
    </row>
    <row r="25" spans="2:24" ht="26.1" customHeight="1" x14ac:dyDescent="0.15">
      <c r="B25" s="277" t="s">
        <v>419</v>
      </c>
      <c r="C25" s="425"/>
      <c r="D25" s="427"/>
      <c r="E25" s="278" t="str">
        <f>$F$9</f>
        <v>介護職員</v>
      </c>
      <c r="F25" s="279"/>
      <c r="G25" s="280" t="s">
        <v>414</v>
      </c>
      <c r="H25" s="279"/>
      <c r="I25" s="280" t="s">
        <v>413</v>
      </c>
      <c r="J25" s="279"/>
      <c r="K25" s="280" t="s">
        <v>413</v>
      </c>
      <c r="M25" s="431"/>
      <c r="N25" s="432"/>
      <c r="O25" s="433"/>
      <c r="P25" s="431"/>
      <c r="Q25" s="432"/>
      <c r="R25" s="433"/>
    </row>
    <row r="26" spans="2:24" ht="26.1" customHeight="1" x14ac:dyDescent="0.15">
      <c r="B26" s="273"/>
      <c r="C26" s="425"/>
      <c r="D26" s="426" t="s">
        <v>413</v>
      </c>
      <c r="E26" s="281" t="str">
        <f>$F$8</f>
        <v>介護福祉士</v>
      </c>
      <c r="F26" s="282"/>
      <c r="G26" s="283" t="s">
        <v>414</v>
      </c>
      <c r="H26" s="275"/>
      <c r="I26" s="283" t="s">
        <v>413</v>
      </c>
      <c r="J26" s="275"/>
      <c r="K26" s="283" t="s">
        <v>413</v>
      </c>
      <c r="M26" s="428" t="str">
        <f>IF(C26="","",F26+ROUNDDOWN((H26+J26)/C26,1))</f>
        <v/>
      </c>
      <c r="N26" s="429"/>
      <c r="O26" s="430"/>
      <c r="P26" s="428" t="str">
        <f>IF(C26="","",F27+ROUNDDOWN((H27+J27)/C26,1))</f>
        <v/>
      </c>
      <c r="Q26" s="429"/>
      <c r="R26" s="430"/>
    </row>
    <row r="27" spans="2:24" ht="26.1" customHeight="1" x14ac:dyDescent="0.15">
      <c r="B27" s="277" t="s">
        <v>420</v>
      </c>
      <c r="C27" s="425"/>
      <c r="D27" s="427"/>
      <c r="E27" s="278" t="str">
        <f>$F$9</f>
        <v>介護職員</v>
      </c>
      <c r="F27" s="279"/>
      <c r="G27" s="280" t="s">
        <v>414</v>
      </c>
      <c r="H27" s="279"/>
      <c r="I27" s="280" t="s">
        <v>413</v>
      </c>
      <c r="J27" s="279"/>
      <c r="K27" s="280" t="s">
        <v>413</v>
      </c>
      <c r="M27" s="431"/>
      <c r="N27" s="432"/>
      <c r="O27" s="433"/>
      <c r="P27" s="431"/>
      <c r="Q27" s="432"/>
      <c r="R27" s="433"/>
    </row>
    <row r="28" spans="2:24" ht="26.1" customHeight="1" x14ac:dyDescent="0.15">
      <c r="B28" s="273"/>
      <c r="C28" s="425"/>
      <c r="D28" s="426" t="s">
        <v>413</v>
      </c>
      <c r="E28" s="281" t="str">
        <f>$F$8</f>
        <v>介護福祉士</v>
      </c>
      <c r="F28" s="282"/>
      <c r="G28" s="283" t="s">
        <v>414</v>
      </c>
      <c r="H28" s="275"/>
      <c r="I28" s="283" t="s">
        <v>413</v>
      </c>
      <c r="J28" s="275"/>
      <c r="K28" s="283" t="s">
        <v>413</v>
      </c>
      <c r="M28" s="428" t="str">
        <f>IF(C28="","",F28+ROUNDDOWN((H28+J28)/C28,1))</f>
        <v/>
      </c>
      <c r="N28" s="429"/>
      <c r="O28" s="430"/>
      <c r="P28" s="428" t="str">
        <f>IF(C28="","",F29+ROUNDDOWN((H29+J29)/C28,1))</f>
        <v/>
      </c>
      <c r="Q28" s="429"/>
      <c r="R28" s="430"/>
    </row>
    <row r="29" spans="2:24" ht="26.1" customHeight="1" x14ac:dyDescent="0.15">
      <c r="B29" s="277" t="s">
        <v>421</v>
      </c>
      <c r="C29" s="425"/>
      <c r="D29" s="427"/>
      <c r="E29" s="278" t="str">
        <f>$F$9</f>
        <v>介護職員</v>
      </c>
      <c r="F29" s="279"/>
      <c r="G29" s="280" t="s">
        <v>414</v>
      </c>
      <c r="H29" s="279"/>
      <c r="I29" s="280" t="s">
        <v>413</v>
      </c>
      <c r="J29" s="279"/>
      <c r="K29" s="280" t="s">
        <v>413</v>
      </c>
      <c r="M29" s="431"/>
      <c r="N29" s="432"/>
      <c r="O29" s="433"/>
      <c r="P29" s="431"/>
      <c r="Q29" s="432"/>
      <c r="R29" s="433"/>
    </row>
    <row r="30" spans="2:24" ht="26.1" customHeight="1" x14ac:dyDescent="0.15">
      <c r="B30" s="273"/>
      <c r="C30" s="425"/>
      <c r="D30" s="426" t="s">
        <v>413</v>
      </c>
      <c r="E30" s="281" t="str">
        <f>$F$8</f>
        <v>介護福祉士</v>
      </c>
      <c r="F30" s="282"/>
      <c r="G30" s="283" t="s">
        <v>414</v>
      </c>
      <c r="H30" s="275"/>
      <c r="I30" s="283" t="s">
        <v>413</v>
      </c>
      <c r="J30" s="275"/>
      <c r="K30" s="283" t="s">
        <v>413</v>
      </c>
      <c r="M30" s="428" t="str">
        <f>IF(C30="","",F30+ROUNDDOWN((H30+J30)/C30,1))</f>
        <v/>
      </c>
      <c r="N30" s="429"/>
      <c r="O30" s="430"/>
      <c r="P30" s="428" t="str">
        <f>IF(C30="","",F31+ROUNDDOWN((H31+J31)/C30,1))</f>
        <v/>
      </c>
      <c r="Q30" s="429"/>
      <c r="R30" s="430"/>
    </row>
    <row r="31" spans="2:24" ht="26.1" customHeight="1" x14ac:dyDescent="0.15">
      <c r="B31" s="277" t="s">
        <v>422</v>
      </c>
      <c r="C31" s="425"/>
      <c r="D31" s="427"/>
      <c r="E31" s="278" t="str">
        <f>$F$9</f>
        <v>介護職員</v>
      </c>
      <c r="F31" s="279"/>
      <c r="G31" s="280" t="s">
        <v>414</v>
      </c>
      <c r="H31" s="279"/>
      <c r="I31" s="280" t="s">
        <v>413</v>
      </c>
      <c r="J31" s="279"/>
      <c r="K31" s="280" t="s">
        <v>413</v>
      </c>
      <c r="M31" s="431"/>
      <c r="N31" s="432"/>
      <c r="O31" s="433"/>
      <c r="P31" s="431"/>
      <c r="Q31" s="432"/>
      <c r="R31" s="433"/>
    </row>
    <row r="32" spans="2:24" ht="26.1" customHeight="1" x14ac:dyDescent="0.15">
      <c r="B32" s="273"/>
      <c r="C32" s="425"/>
      <c r="D32" s="426" t="s">
        <v>413</v>
      </c>
      <c r="E32" s="281" t="str">
        <f>$F$8</f>
        <v>介護福祉士</v>
      </c>
      <c r="F32" s="282"/>
      <c r="G32" s="283" t="s">
        <v>414</v>
      </c>
      <c r="H32" s="275"/>
      <c r="I32" s="283" t="s">
        <v>413</v>
      </c>
      <c r="J32" s="275"/>
      <c r="K32" s="283" t="s">
        <v>413</v>
      </c>
      <c r="M32" s="428" t="str">
        <f>IF(C32="","",F32+ROUNDDOWN((H32+J32)/C32,1))</f>
        <v/>
      </c>
      <c r="N32" s="429"/>
      <c r="O32" s="430"/>
      <c r="P32" s="428" t="str">
        <f>IF(C32="","",F33+ROUNDDOWN((H33+J33)/C32,1))</f>
        <v/>
      </c>
      <c r="Q32" s="429"/>
      <c r="R32" s="430"/>
    </row>
    <row r="33" spans="2:18" ht="26.1" customHeight="1" x14ac:dyDescent="0.15">
      <c r="B33" s="277" t="s">
        <v>423</v>
      </c>
      <c r="C33" s="425"/>
      <c r="D33" s="427"/>
      <c r="E33" s="278" t="str">
        <f>$F$9</f>
        <v>介護職員</v>
      </c>
      <c r="F33" s="279"/>
      <c r="G33" s="280" t="s">
        <v>414</v>
      </c>
      <c r="H33" s="279"/>
      <c r="I33" s="280" t="s">
        <v>413</v>
      </c>
      <c r="J33" s="279"/>
      <c r="K33" s="280" t="s">
        <v>413</v>
      </c>
      <c r="M33" s="431"/>
      <c r="N33" s="432"/>
      <c r="O33" s="433"/>
      <c r="P33" s="431"/>
      <c r="Q33" s="432"/>
      <c r="R33" s="433"/>
    </row>
    <row r="34" spans="2:18" ht="26.1" customHeight="1" x14ac:dyDescent="0.15">
      <c r="B34" s="300" t="s">
        <v>463</v>
      </c>
      <c r="C34" s="425"/>
      <c r="D34" s="426" t="s">
        <v>413</v>
      </c>
      <c r="E34" s="281" t="str">
        <f>$F$8</f>
        <v>介護福祉士</v>
      </c>
      <c r="F34" s="282"/>
      <c r="G34" s="283" t="s">
        <v>414</v>
      </c>
      <c r="H34" s="275"/>
      <c r="I34" s="283" t="s">
        <v>413</v>
      </c>
      <c r="J34" s="275"/>
      <c r="K34" s="283" t="s">
        <v>413</v>
      </c>
      <c r="M34" s="428" t="str">
        <f>IF(C34="","",F34+ROUNDDOWN((H34+J34)/C34,1))</f>
        <v/>
      </c>
      <c r="N34" s="429"/>
      <c r="O34" s="430"/>
      <c r="P34" s="428" t="str">
        <f>IF(C34="","",F35+ROUNDDOWN((H35+J35)/C34,1))</f>
        <v/>
      </c>
      <c r="Q34" s="429"/>
      <c r="R34" s="430"/>
    </row>
    <row r="35" spans="2:18" ht="26.1" customHeight="1" x14ac:dyDescent="0.15">
      <c r="B35" s="277" t="s">
        <v>424</v>
      </c>
      <c r="C35" s="425"/>
      <c r="D35" s="427"/>
      <c r="E35" s="278" t="str">
        <f>$F$9</f>
        <v>介護職員</v>
      </c>
      <c r="F35" s="279"/>
      <c r="G35" s="280" t="s">
        <v>414</v>
      </c>
      <c r="H35" s="279"/>
      <c r="I35" s="280" t="s">
        <v>413</v>
      </c>
      <c r="J35" s="279"/>
      <c r="K35" s="280" t="s">
        <v>413</v>
      </c>
      <c r="M35" s="431"/>
      <c r="N35" s="432"/>
      <c r="O35" s="433"/>
      <c r="P35" s="431"/>
      <c r="Q35" s="432"/>
      <c r="R35" s="433"/>
    </row>
    <row r="36" spans="2:18" ht="26.1" customHeight="1" x14ac:dyDescent="0.15">
      <c r="B36" s="273"/>
      <c r="C36" s="425"/>
      <c r="D36" s="426" t="s">
        <v>413</v>
      </c>
      <c r="E36" s="281" t="str">
        <f>$F$8</f>
        <v>介護福祉士</v>
      </c>
      <c r="F36" s="282"/>
      <c r="G36" s="283" t="s">
        <v>414</v>
      </c>
      <c r="H36" s="275"/>
      <c r="I36" s="283" t="s">
        <v>413</v>
      </c>
      <c r="J36" s="275"/>
      <c r="K36" s="283" t="s">
        <v>413</v>
      </c>
      <c r="M36" s="428" t="str">
        <f>IF(C36="","",F36+ROUNDDOWN((H36+J36)/C36,1))</f>
        <v/>
      </c>
      <c r="N36" s="429"/>
      <c r="O36" s="430"/>
      <c r="P36" s="428" t="str">
        <f>IF(C36="","",F37+ROUNDDOWN((H37+J37)/C36,1))</f>
        <v/>
      </c>
      <c r="Q36" s="429"/>
      <c r="R36" s="430"/>
    </row>
    <row r="37" spans="2:18" ht="26.1" customHeight="1" x14ac:dyDescent="0.15">
      <c r="B37" s="277" t="s">
        <v>425</v>
      </c>
      <c r="C37" s="425"/>
      <c r="D37" s="427"/>
      <c r="E37" s="278" t="str">
        <f>$F$9</f>
        <v>介護職員</v>
      </c>
      <c r="F37" s="279"/>
      <c r="G37" s="280" t="s">
        <v>414</v>
      </c>
      <c r="H37" s="279"/>
      <c r="I37" s="280" t="s">
        <v>413</v>
      </c>
      <c r="J37" s="279"/>
      <c r="K37" s="280" t="s">
        <v>413</v>
      </c>
      <c r="M37" s="431"/>
      <c r="N37" s="432"/>
      <c r="O37" s="433"/>
      <c r="P37" s="431"/>
      <c r="Q37" s="432"/>
      <c r="R37" s="433"/>
    </row>
    <row r="38" spans="2:18" ht="6.75" customHeight="1" x14ac:dyDescent="0.15">
      <c r="B38" s="284"/>
      <c r="C38" s="285"/>
      <c r="D38" s="284"/>
      <c r="E38" s="286"/>
      <c r="F38" s="287"/>
      <c r="G38" s="288"/>
      <c r="H38" s="287"/>
      <c r="I38" s="288"/>
      <c r="J38" s="287"/>
      <c r="K38" s="288"/>
      <c r="M38" s="289"/>
      <c r="N38" s="289"/>
      <c r="O38" s="289"/>
      <c r="P38" s="289"/>
      <c r="Q38" s="289"/>
      <c r="R38" s="289"/>
    </row>
    <row r="39" spans="2:18" ht="20.100000000000001" customHeight="1" x14ac:dyDescent="0.15">
      <c r="H39" s="284"/>
      <c r="J39" s="434" t="s">
        <v>426</v>
      </c>
      <c r="K39" s="434"/>
      <c r="L39" s="434"/>
      <c r="M39" s="445" t="str">
        <f>IF(SUM(M16:O37)=0,"",SUM(M16:O37))</f>
        <v/>
      </c>
      <c r="N39" s="446"/>
      <c r="O39" s="447"/>
      <c r="P39" s="445" t="str">
        <f>IF(SUM(P16:R37)=0,"",SUM(P16:R37))</f>
        <v/>
      </c>
      <c r="Q39" s="446"/>
      <c r="R39" s="447"/>
    </row>
    <row r="40" spans="2:18" ht="20.100000000000001" customHeight="1" x14ac:dyDescent="0.15">
      <c r="H40" s="284"/>
      <c r="J40" s="434" t="s">
        <v>427</v>
      </c>
      <c r="K40" s="434"/>
      <c r="L40" s="434"/>
      <c r="M40" s="445" t="str">
        <f>IF(M39="","",ROUNDDOWN(M39/$K$11,1))</f>
        <v/>
      </c>
      <c r="N40" s="446"/>
      <c r="O40" s="447"/>
      <c r="P40" s="445" t="str">
        <f>IF(P39="","",ROUNDDOWN(P39/$K$11,1))</f>
        <v/>
      </c>
      <c r="Q40" s="446"/>
      <c r="R40" s="447"/>
    </row>
    <row r="41" spans="2:18" ht="18.75" customHeight="1" x14ac:dyDescent="0.15">
      <c r="J41" s="448" t="str">
        <f>$M$15</f>
        <v>介護福祉士</v>
      </c>
      <c r="K41" s="449"/>
      <c r="L41" s="449"/>
      <c r="M41" s="449"/>
      <c r="N41" s="449"/>
      <c r="O41" s="450"/>
      <c r="P41" s="451" t="str">
        <f>IF(M40="","",M40/P40)</f>
        <v/>
      </c>
      <c r="Q41" s="452"/>
      <c r="R41" s="453"/>
    </row>
    <row r="42" spans="2:18" ht="18.75" customHeight="1" x14ac:dyDescent="0.15">
      <c r="J42" s="457" t="s">
        <v>428</v>
      </c>
      <c r="K42" s="458"/>
      <c r="L42" s="458"/>
      <c r="M42" s="458"/>
      <c r="N42" s="458"/>
      <c r="O42" s="459"/>
      <c r="P42" s="454"/>
      <c r="Q42" s="455"/>
      <c r="R42" s="456"/>
    </row>
    <row r="43" spans="2:18" ht="18.75" customHeight="1" x14ac:dyDescent="0.15">
      <c r="J43" s="284"/>
      <c r="K43" s="284"/>
      <c r="L43" s="284"/>
      <c r="M43" s="284"/>
      <c r="N43" s="284"/>
      <c r="O43" s="284"/>
      <c r="P43" s="284"/>
      <c r="Q43" s="284"/>
      <c r="R43" s="290"/>
    </row>
    <row r="44" spans="2:18" ht="18.75" customHeight="1" x14ac:dyDescent="0.15">
      <c r="B44" s="297" t="s">
        <v>363</v>
      </c>
      <c r="C44" s="436" t="s">
        <v>429</v>
      </c>
      <c r="D44" s="436"/>
      <c r="E44" s="436"/>
      <c r="F44" s="436"/>
      <c r="G44" s="436"/>
      <c r="H44" s="436"/>
      <c r="I44" s="436"/>
      <c r="J44" s="436"/>
      <c r="K44" s="436"/>
      <c r="M44" s="437" t="s">
        <v>408</v>
      </c>
      <c r="N44" s="438"/>
      <c r="O44" s="438"/>
      <c r="P44" s="438"/>
      <c r="Q44" s="438"/>
      <c r="R44" s="439"/>
    </row>
    <row r="45" spans="2:18" ht="79.5" customHeight="1" x14ac:dyDescent="0.15">
      <c r="B45" s="272"/>
      <c r="C45" s="440" t="s">
        <v>409</v>
      </c>
      <c r="D45" s="440"/>
      <c r="E45" s="272"/>
      <c r="F45" s="441" t="s">
        <v>410</v>
      </c>
      <c r="G45" s="441"/>
      <c r="H45" s="441" t="s">
        <v>411</v>
      </c>
      <c r="I45" s="441"/>
      <c r="J45" s="440" t="s">
        <v>412</v>
      </c>
      <c r="K45" s="440"/>
      <c r="M45" s="442" t="str">
        <f>F8</f>
        <v>介護福祉士</v>
      </c>
      <c r="N45" s="443"/>
      <c r="O45" s="444"/>
      <c r="P45" s="442" t="str">
        <f>F9</f>
        <v>介護職員</v>
      </c>
      <c r="Q45" s="443"/>
      <c r="R45" s="444"/>
    </row>
    <row r="46" spans="2:18" ht="25.5" customHeight="1" x14ac:dyDescent="0.15">
      <c r="B46" s="300" t="s">
        <v>463</v>
      </c>
      <c r="C46" s="425"/>
      <c r="D46" s="426" t="s">
        <v>413</v>
      </c>
      <c r="E46" s="291" t="str">
        <f>$F$8</f>
        <v>介護福祉士</v>
      </c>
      <c r="F46" s="275"/>
      <c r="G46" s="276" t="s">
        <v>414</v>
      </c>
      <c r="H46" s="275"/>
      <c r="I46" s="276" t="s">
        <v>413</v>
      </c>
      <c r="J46" s="275"/>
      <c r="K46" s="276" t="s">
        <v>413</v>
      </c>
      <c r="M46" s="428" t="str">
        <f>IF(C46="","",F46+ROUNDDOWN((H46+J46)/C46,1))</f>
        <v/>
      </c>
      <c r="N46" s="429"/>
      <c r="O46" s="430"/>
      <c r="P46" s="428" t="str">
        <f>IF(C46="","",F47+ROUNDDOWN((H47+J47)/C46,1))</f>
        <v/>
      </c>
      <c r="Q46" s="429"/>
      <c r="R46" s="430"/>
    </row>
    <row r="47" spans="2:18" ht="25.5" customHeight="1" x14ac:dyDescent="0.15">
      <c r="B47" s="299" t="s">
        <v>415</v>
      </c>
      <c r="C47" s="425"/>
      <c r="D47" s="427"/>
      <c r="E47" s="292" t="str">
        <f>$F$9</f>
        <v>介護職員</v>
      </c>
      <c r="F47" s="279"/>
      <c r="G47" s="280" t="s">
        <v>414</v>
      </c>
      <c r="H47" s="279"/>
      <c r="I47" s="280" t="s">
        <v>413</v>
      </c>
      <c r="J47" s="279"/>
      <c r="K47" s="280" t="s">
        <v>413</v>
      </c>
      <c r="M47" s="431"/>
      <c r="N47" s="432"/>
      <c r="O47" s="433"/>
      <c r="P47" s="431"/>
      <c r="Q47" s="432"/>
      <c r="R47" s="433"/>
    </row>
    <row r="48" spans="2:18" ht="25.5" customHeight="1" x14ac:dyDescent="0.15">
      <c r="B48" s="298"/>
      <c r="C48" s="425"/>
      <c r="D48" s="426" t="s">
        <v>413</v>
      </c>
      <c r="E48" s="293" t="str">
        <f>$F$8</f>
        <v>介護福祉士</v>
      </c>
      <c r="F48" s="282"/>
      <c r="G48" s="283" t="s">
        <v>414</v>
      </c>
      <c r="H48" s="275"/>
      <c r="I48" s="283" t="s">
        <v>413</v>
      </c>
      <c r="J48" s="275"/>
      <c r="K48" s="283" t="s">
        <v>413</v>
      </c>
      <c r="M48" s="428" t="str">
        <f>IF(C48="","",F48+ROUNDDOWN((H48+J48)/C48,1))</f>
        <v/>
      </c>
      <c r="N48" s="429"/>
      <c r="O48" s="430"/>
      <c r="P48" s="428" t="str">
        <f>IF(C48="","",F49+ROUNDDOWN((H49+J49)/C48,1))</f>
        <v/>
      </c>
      <c r="Q48" s="429"/>
      <c r="R48" s="430"/>
    </row>
    <row r="49" spans="2:18" ht="25.5" customHeight="1" x14ac:dyDescent="0.15">
      <c r="B49" s="299" t="s">
        <v>416</v>
      </c>
      <c r="C49" s="425"/>
      <c r="D49" s="427"/>
      <c r="E49" s="292" t="str">
        <f>$F$9</f>
        <v>介護職員</v>
      </c>
      <c r="F49" s="279"/>
      <c r="G49" s="280" t="s">
        <v>414</v>
      </c>
      <c r="H49" s="279"/>
      <c r="I49" s="280" t="s">
        <v>413</v>
      </c>
      <c r="J49" s="279"/>
      <c r="K49" s="280" t="s">
        <v>413</v>
      </c>
      <c r="M49" s="431"/>
      <c r="N49" s="432"/>
      <c r="O49" s="433"/>
      <c r="P49" s="431"/>
      <c r="Q49" s="432"/>
      <c r="R49" s="433"/>
    </row>
    <row r="50" spans="2:18" ht="25.5" customHeight="1" x14ac:dyDescent="0.15">
      <c r="B50" s="298"/>
      <c r="C50" s="425"/>
      <c r="D50" s="426" t="s">
        <v>413</v>
      </c>
      <c r="E50" s="293" t="str">
        <f>$F$8</f>
        <v>介護福祉士</v>
      </c>
      <c r="F50" s="282"/>
      <c r="G50" s="283" t="s">
        <v>414</v>
      </c>
      <c r="H50" s="275"/>
      <c r="I50" s="283" t="s">
        <v>413</v>
      </c>
      <c r="J50" s="275"/>
      <c r="K50" s="283" t="s">
        <v>413</v>
      </c>
      <c r="M50" s="428" t="str">
        <f>IF(C50="","",F50+ROUNDDOWN((H50+J50)/C50,1))</f>
        <v/>
      </c>
      <c r="N50" s="429"/>
      <c r="O50" s="430"/>
      <c r="P50" s="428" t="str">
        <f>IF(C50="","",F51+ROUNDDOWN((H51+J51)/C50,1))</f>
        <v/>
      </c>
      <c r="Q50" s="429"/>
      <c r="R50" s="430"/>
    </row>
    <row r="51" spans="2:18" ht="25.5" customHeight="1" x14ac:dyDescent="0.15">
      <c r="B51" s="299" t="s">
        <v>417</v>
      </c>
      <c r="C51" s="425"/>
      <c r="D51" s="427"/>
      <c r="E51" s="292" t="str">
        <f>$F$9</f>
        <v>介護職員</v>
      </c>
      <c r="F51" s="279"/>
      <c r="G51" s="280" t="s">
        <v>414</v>
      </c>
      <c r="H51" s="279"/>
      <c r="I51" s="280" t="s">
        <v>413</v>
      </c>
      <c r="J51" s="279"/>
      <c r="K51" s="280" t="s">
        <v>413</v>
      </c>
      <c r="M51" s="431"/>
      <c r="N51" s="432"/>
      <c r="O51" s="433"/>
      <c r="P51" s="431"/>
      <c r="Q51" s="432"/>
      <c r="R51" s="433"/>
    </row>
    <row r="52" spans="2:18" ht="6.75" customHeight="1" x14ac:dyDescent="0.15">
      <c r="J52" s="284"/>
      <c r="K52" s="284"/>
      <c r="L52" s="284"/>
      <c r="M52" s="284"/>
      <c r="N52" s="284"/>
      <c r="O52" s="284"/>
      <c r="P52" s="284"/>
      <c r="Q52" s="284"/>
      <c r="R52" s="290"/>
    </row>
    <row r="53" spans="2:18" ht="20.100000000000001" customHeight="1" x14ac:dyDescent="0.15">
      <c r="J53" s="434" t="s">
        <v>426</v>
      </c>
      <c r="K53" s="434"/>
      <c r="L53" s="434"/>
      <c r="M53" s="445" t="str">
        <f>IF(SUM(M46:O51)=0,"",SUM(M46:O51))</f>
        <v/>
      </c>
      <c r="N53" s="446"/>
      <c r="O53" s="447"/>
      <c r="P53" s="445" t="str">
        <f>IF(SUM(P46:R51)=0,"",SUM(P46:R51))</f>
        <v/>
      </c>
      <c r="Q53" s="446"/>
      <c r="R53" s="447"/>
    </row>
    <row r="54" spans="2:18" ht="20.100000000000001" customHeight="1" x14ac:dyDescent="0.15">
      <c r="J54" s="434" t="s">
        <v>427</v>
      </c>
      <c r="K54" s="434"/>
      <c r="L54" s="434"/>
      <c r="M54" s="445" t="str">
        <f>IF(M53="","",ROUNDDOWN(M53/3,1))</f>
        <v/>
      </c>
      <c r="N54" s="446"/>
      <c r="O54" s="447"/>
      <c r="P54" s="445" t="str">
        <f>IF(P53="","",ROUNDDOWN(P53/3,1))</f>
        <v/>
      </c>
      <c r="Q54" s="446"/>
      <c r="R54" s="447"/>
    </row>
    <row r="55" spans="2:18" ht="18.75" customHeight="1" x14ac:dyDescent="0.15">
      <c r="J55" s="448" t="str">
        <f>$M$15</f>
        <v>介護福祉士</v>
      </c>
      <c r="K55" s="449"/>
      <c r="L55" s="449"/>
      <c r="M55" s="449"/>
      <c r="N55" s="449"/>
      <c r="O55" s="450"/>
      <c r="P55" s="451" t="str">
        <f>IF(M54="","",M54/P54)</f>
        <v/>
      </c>
      <c r="Q55" s="452"/>
      <c r="R55" s="453"/>
    </row>
    <row r="56" spans="2:18" ht="18.75" customHeight="1" x14ac:dyDescent="0.15">
      <c r="J56" s="457" t="s">
        <v>428</v>
      </c>
      <c r="K56" s="458"/>
      <c r="L56" s="458"/>
      <c r="M56" s="458"/>
      <c r="N56" s="458"/>
      <c r="O56" s="459"/>
      <c r="P56" s="454"/>
      <c r="Q56" s="455"/>
      <c r="R56" s="456"/>
    </row>
    <row r="57" spans="2:18" ht="18.75" customHeight="1" x14ac:dyDescent="0.15">
      <c r="J57" s="284"/>
      <c r="K57" s="284"/>
      <c r="L57" s="284"/>
      <c r="M57" s="284"/>
      <c r="N57" s="284"/>
      <c r="O57" s="284"/>
      <c r="P57" s="284"/>
      <c r="Q57" s="284"/>
      <c r="R57" s="290"/>
    </row>
    <row r="59" spans="2:18" x14ac:dyDescent="0.15">
      <c r="B59" s="263" t="s">
        <v>430</v>
      </c>
    </row>
    <row r="60" spans="2:18" x14ac:dyDescent="0.15">
      <c r="B60" s="460" t="s">
        <v>431</v>
      </c>
      <c r="C60" s="460"/>
      <c r="D60" s="460"/>
      <c r="E60" s="460"/>
      <c r="F60" s="460"/>
      <c r="G60" s="460"/>
      <c r="H60" s="460"/>
      <c r="I60" s="460"/>
      <c r="J60" s="460"/>
      <c r="K60" s="460"/>
      <c r="L60" s="460"/>
      <c r="M60" s="460"/>
      <c r="N60" s="460"/>
      <c r="O60" s="460"/>
      <c r="P60" s="460"/>
      <c r="Q60" s="460"/>
      <c r="R60" s="460"/>
    </row>
    <row r="61" spans="2:18" x14ac:dyDescent="0.15">
      <c r="B61" s="460" t="s">
        <v>432</v>
      </c>
      <c r="C61" s="460"/>
      <c r="D61" s="460"/>
      <c r="E61" s="460"/>
      <c r="F61" s="460"/>
      <c r="G61" s="460"/>
      <c r="H61" s="460"/>
      <c r="I61" s="460"/>
      <c r="J61" s="460"/>
      <c r="K61" s="460"/>
      <c r="L61" s="460"/>
      <c r="M61" s="460"/>
      <c r="N61" s="460"/>
      <c r="O61" s="460"/>
      <c r="P61" s="460"/>
      <c r="Q61" s="460"/>
      <c r="R61" s="460"/>
    </row>
    <row r="62" spans="2:18" x14ac:dyDescent="0.15">
      <c r="B62" s="460" t="s">
        <v>433</v>
      </c>
      <c r="C62" s="460"/>
      <c r="D62" s="460"/>
      <c r="E62" s="460"/>
      <c r="F62" s="460"/>
      <c r="G62" s="460"/>
      <c r="H62" s="460"/>
      <c r="I62" s="460"/>
      <c r="J62" s="460"/>
      <c r="K62" s="460"/>
      <c r="L62" s="460"/>
      <c r="M62" s="460"/>
      <c r="N62" s="460"/>
      <c r="O62" s="460"/>
      <c r="P62" s="460"/>
      <c r="Q62" s="460"/>
      <c r="R62" s="460"/>
    </row>
    <row r="63" spans="2:18" x14ac:dyDescent="0.15">
      <c r="B63" s="294" t="s">
        <v>434</v>
      </c>
      <c r="C63" s="294"/>
      <c r="D63" s="294"/>
      <c r="E63" s="294"/>
      <c r="F63" s="294"/>
      <c r="G63" s="294"/>
      <c r="H63" s="294"/>
      <c r="I63" s="294"/>
      <c r="J63" s="294"/>
      <c r="K63" s="294"/>
      <c r="L63" s="294"/>
      <c r="M63" s="294"/>
      <c r="N63" s="294"/>
      <c r="O63" s="294"/>
      <c r="P63" s="294"/>
      <c r="Q63" s="294"/>
      <c r="R63" s="294"/>
    </row>
    <row r="64" spans="2:18" x14ac:dyDescent="0.15">
      <c r="B64" s="460" t="s">
        <v>435</v>
      </c>
      <c r="C64" s="460"/>
      <c r="D64" s="460"/>
      <c r="E64" s="460"/>
      <c r="F64" s="460"/>
      <c r="G64" s="460"/>
      <c r="H64" s="460"/>
      <c r="I64" s="460"/>
      <c r="J64" s="460"/>
      <c r="K64" s="460"/>
      <c r="L64" s="460"/>
      <c r="M64" s="460"/>
      <c r="N64" s="460"/>
      <c r="O64" s="460"/>
      <c r="P64" s="460"/>
      <c r="Q64" s="460"/>
      <c r="R64" s="460"/>
    </row>
    <row r="65" spans="2:18" x14ac:dyDescent="0.15">
      <c r="B65" s="460" t="s">
        <v>436</v>
      </c>
      <c r="C65" s="460"/>
      <c r="D65" s="460"/>
      <c r="E65" s="460"/>
      <c r="F65" s="460"/>
      <c r="G65" s="460"/>
      <c r="H65" s="460"/>
      <c r="I65" s="460"/>
      <c r="J65" s="460"/>
      <c r="K65" s="460"/>
      <c r="L65" s="460"/>
      <c r="M65" s="460"/>
      <c r="N65" s="460"/>
      <c r="O65" s="460"/>
      <c r="P65" s="460"/>
      <c r="Q65" s="460"/>
      <c r="R65" s="460"/>
    </row>
    <row r="66" spans="2:18" x14ac:dyDescent="0.15">
      <c r="B66" s="460" t="s">
        <v>437</v>
      </c>
      <c r="C66" s="460"/>
      <c r="D66" s="460"/>
      <c r="E66" s="460"/>
      <c r="F66" s="460"/>
      <c r="G66" s="460"/>
      <c r="H66" s="460"/>
      <c r="I66" s="460"/>
      <c r="J66" s="460"/>
      <c r="K66" s="460"/>
      <c r="L66" s="460"/>
      <c r="M66" s="460"/>
      <c r="N66" s="460"/>
      <c r="O66" s="460"/>
      <c r="P66" s="460"/>
      <c r="Q66" s="460"/>
      <c r="R66" s="460"/>
    </row>
    <row r="67" spans="2:18" x14ac:dyDescent="0.15">
      <c r="B67" s="460" t="s">
        <v>438</v>
      </c>
      <c r="C67" s="460"/>
      <c r="D67" s="460"/>
      <c r="E67" s="460"/>
      <c r="F67" s="460"/>
      <c r="G67" s="460"/>
      <c r="H67" s="460"/>
      <c r="I67" s="460"/>
      <c r="J67" s="460"/>
      <c r="K67" s="460"/>
      <c r="L67" s="460"/>
      <c r="M67" s="460"/>
      <c r="N67" s="460"/>
      <c r="O67" s="460"/>
      <c r="P67" s="460"/>
      <c r="Q67" s="460"/>
      <c r="R67" s="460"/>
    </row>
    <row r="68" spans="2:18" x14ac:dyDescent="0.15">
      <c r="B68" s="460" t="s">
        <v>439</v>
      </c>
      <c r="C68" s="460"/>
      <c r="D68" s="460"/>
      <c r="E68" s="460"/>
      <c r="F68" s="460"/>
      <c r="G68" s="460"/>
      <c r="H68" s="460"/>
      <c r="I68" s="460"/>
      <c r="J68" s="460"/>
      <c r="K68" s="460"/>
      <c r="L68" s="460"/>
      <c r="M68" s="460"/>
      <c r="N68" s="460"/>
      <c r="O68" s="460"/>
      <c r="P68" s="460"/>
      <c r="Q68" s="460"/>
      <c r="R68" s="460"/>
    </row>
    <row r="69" spans="2:18" x14ac:dyDescent="0.15">
      <c r="B69" s="460" t="s">
        <v>440</v>
      </c>
      <c r="C69" s="460"/>
      <c r="D69" s="460"/>
      <c r="E69" s="460"/>
      <c r="F69" s="460"/>
      <c r="G69" s="460"/>
      <c r="H69" s="460"/>
      <c r="I69" s="460"/>
      <c r="J69" s="460"/>
      <c r="K69" s="460"/>
      <c r="L69" s="460"/>
      <c r="M69" s="460"/>
      <c r="N69" s="460"/>
      <c r="O69" s="460"/>
      <c r="P69" s="460"/>
      <c r="Q69" s="460"/>
      <c r="R69" s="460"/>
    </row>
    <row r="70" spans="2:18" x14ac:dyDescent="0.15">
      <c r="B70" s="460" t="s">
        <v>441</v>
      </c>
      <c r="C70" s="460"/>
      <c r="D70" s="460"/>
      <c r="E70" s="460"/>
      <c r="F70" s="460"/>
      <c r="G70" s="460"/>
      <c r="H70" s="460"/>
      <c r="I70" s="460"/>
      <c r="J70" s="460"/>
      <c r="K70" s="460"/>
      <c r="L70" s="460"/>
      <c r="M70" s="460"/>
      <c r="N70" s="460"/>
      <c r="O70" s="460"/>
      <c r="P70" s="460"/>
      <c r="Q70" s="460"/>
      <c r="R70" s="460"/>
    </row>
    <row r="71" spans="2:18" x14ac:dyDescent="0.15">
      <c r="B71" s="460" t="s">
        <v>442</v>
      </c>
      <c r="C71" s="460"/>
      <c r="D71" s="460"/>
      <c r="E71" s="460"/>
      <c r="F71" s="460"/>
      <c r="G71" s="460"/>
      <c r="H71" s="460"/>
      <c r="I71" s="460"/>
      <c r="J71" s="460"/>
      <c r="K71" s="460"/>
      <c r="L71" s="460"/>
      <c r="M71" s="460"/>
      <c r="N71" s="460"/>
      <c r="O71" s="460"/>
      <c r="P71" s="460"/>
      <c r="Q71" s="460"/>
      <c r="R71" s="460"/>
    </row>
    <row r="72" spans="2:18" x14ac:dyDescent="0.15">
      <c r="B72" s="460" t="s">
        <v>443</v>
      </c>
      <c r="C72" s="460"/>
      <c r="D72" s="460"/>
      <c r="E72" s="460"/>
      <c r="F72" s="460"/>
      <c r="G72" s="460"/>
      <c r="H72" s="460"/>
      <c r="I72" s="460"/>
      <c r="J72" s="460"/>
      <c r="K72" s="460"/>
      <c r="L72" s="460"/>
      <c r="M72" s="460"/>
      <c r="N72" s="460"/>
      <c r="O72" s="460"/>
      <c r="P72" s="460"/>
      <c r="Q72" s="460"/>
      <c r="R72" s="460"/>
    </row>
    <row r="73" spans="2:18" x14ac:dyDescent="0.15">
      <c r="B73" s="460" t="s">
        <v>444</v>
      </c>
      <c r="C73" s="460"/>
      <c r="D73" s="460"/>
      <c r="E73" s="460"/>
      <c r="F73" s="460"/>
      <c r="G73" s="460"/>
      <c r="H73" s="460"/>
      <c r="I73" s="460"/>
      <c r="J73" s="460"/>
      <c r="K73" s="460"/>
      <c r="L73" s="460"/>
      <c r="M73" s="460"/>
      <c r="N73" s="460"/>
      <c r="O73" s="460"/>
      <c r="P73" s="460"/>
      <c r="Q73" s="460"/>
      <c r="R73" s="460"/>
    </row>
    <row r="74" spans="2:18" x14ac:dyDescent="0.15">
      <c r="B74" s="460" t="s">
        <v>445</v>
      </c>
      <c r="C74" s="460"/>
      <c r="D74" s="460"/>
      <c r="E74" s="460"/>
      <c r="F74" s="460"/>
      <c r="G74" s="460"/>
      <c r="H74" s="460"/>
      <c r="I74" s="460"/>
      <c r="J74" s="460"/>
      <c r="K74" s="460"/>
      <c r="L74" s="460"/>
      <c r="M74" s="460"/>
      <c r="N74" s="460"/>
      <c r="O74" s="460"/>
      <c r="P74" s="460"/>
      <c r="Q74" s="460"/>
      <c r="R74" s="460"/>
    </row>
    <row r="75" spans="2:18" x14ac:dyDescent="0.15">
      <c r="B75" s="460" t="s">
        <v>446</v>
      </c>
      <c r="C75" s="460"/>
      <c r="D75" s="460"/>
      <c r="E75" s="460"/>
      <c r="F75" s="460"/>
      <c r="G75" s="460"/>
      <c r="H75" s="460"/>
      <c r="I75" s="460"/>
      <c r="J75" s="460"/>
      <c r="K75" s="460"/>
      <c r="L75" s="460"/>
      <c r="M75" s="460"/>
      <c r="N75" s="460"/>
      <c r="O75" s="460"/>
      <c r="P75" s="460"/>
      <c r="Q75" s="460"/>
      <c r="R75" s="460"/>
    </row>
    <row r="76" spans="2:18" x14ac:dyDescent="0.15">
      <c r="B76" s="460" t="s">
        <v>447</v>
      </c>
      <c r="C76" s="460"/>
      <c r="D76" s="460"/>
      <c r="E76" s="460"/>
      <c r="F76" s="460"/>
      <c r="G76" s="460"/>
      <c r="H76" s="460"/>
      <c r="I76" s="460"/>
      <c r="J76" s="460"/>
      <c r="K76" s="460"/>
      <c r="L76" s="460"/>
      <c r="M76" s="460"/>
      <c r="N76" s="460"/>
      <c r="O76" s="460"/>
      <c r="P76" s="460"/>
      <c r="Q76" s="460"/>
      <c r="R76" s="460"/>
    </row>
    <row r="77" spans="2:18" x14ac:dyDescent="0.15">
      <c r="B77" s="460" t="s">
        <v>448</v>
      </c>
      <c r="C77" s="460"/>
      <c r="D77" s="460"/>
      <c r="E77" s="460"/>
      <c r="F77" s="460"/>
      <c r="G77" s="460"/>
      <c r="H77" s="460"/>
      <c r="I77" s="460"/>
      <c r="J77" s="460"/>
      <c r="K77" s="460"/>
      <c r="L77" s="460"/>
      <c r="M77" s="460"/>
      <c r="N77" s="460"/>
      <c r="O77" s="460"/>
      <c r="P77" s="460"/>
      <c r="Q77" s="460"/>
      <c r="R77" s="460"/>
    </row>
    <row r="78" spans="2:18" x14ac:dyDescent="0.15">
      <c r="B78" s="460" t="s">
        <v>449</v>
      </c>
      <c r="C78" s="460"/>
      <c r="D78" s="460"/>
      <c r="E78" s="460"/>
      <c r="F78" s="460"/>
      <c r="G78" s="460"/>
      <c r="H78" s="460"/>
      <c r="I78" s="460"/>
      <c r="J78" s="460"/>
      <c r="K78" s="460"/>
      <c r="L78" s="460"/>
      <c r="M78" s="460"/>
      <c r="N78" s="460"/>
      <c r="O78" s="460"/>
      <c r="P78" s="460"/>
      <c r="Q78" s="460"/>
      <c r="R78" s="460"/>
    </row>
    <row r="79" spans="2:18" x14ac:dyDescent="0.15">
      <c r="B79" s="460" t="s">
        <v>450</v>
      </c>
      <c r="C79" s="460"/>
      <c r="D79" s="460"/>
      <c r="E79" s="460"/>
      <c r="F79" s="460"/>
      <c r="G79" s="460"/>
      <c r="H79" s="460"/>
      <c r="I79" s="460"/>
      <c r="J79" s="460"/>
      <c r="K79" s="460"/>
      <c r="L79" s="460"/>
      <c r="M79" s="460"/>
      <c r="N79" s="460"/>
      <c r="O79" s="460"/>
      <c r="P79" s="460"/>
      <c r="Q79" s="460"/>
      <c r="R79" s="460"/>
    </row>
    <row r="80" spans="2:18" x14ac:dyDescent="0.15">
      <c r="B80" s="460" t="s">
        <v>451</v>
      </c>
      <c r="C80" s="460"/>
      <c r="D80" s="460"/>
      <c r="E80" s="460"/>
      <c r="F80" s="460"/>
      <c r="G80" s="460"/>
      <c r="H80" s="460"/>
      <c r="I80" s="460"/>
      <c r="J80" s="460"/>
      <c r="K80" s="460"/>
      <c r="L80" s="460"/>
      <c r="M80" s="460"/>
      <c r="N80" s="460"/>
      <c r="O80" s="460"/>
      <c r="P80" s="460"/>
      <c r="Q80" s="460"/>
      <c r="R80" s="460"/>
    </row>
    <row r="81" spans="2:18" x14ac:dyDescent="0.15">
      <c r="B81" s="460" t="s">
        <v>452</v>
      </c>
      <c r="C81" s="460"/>
      <c r="D81" s="460"/>
      <c r="E81" s="460"/>
      <c r="F81" s="460"/>
      <c r="G81" s="460"/>
      <c r="H81" s="460"/>
      <c r="I81" s="460"/>
      <c r="J81" s="460"/>
      <c r="K81" s="460"/>
      <c r="L81" s="460"/>
      <c r="M81" s="460"/>
      <c r="N81" s="460"/>
      <c r="O81" s="460"/>
      <c r="P81" s="460"/>
      <c r="Q81" s="460"/>
      <c r="R81" s="460"/>
    </row>
    <row r="82" spans="2:18" x14ac:dyDescent="0.15">
      <c r="B82" s="460" t="s">
        <v>453</v>
      </c>
      <c r="C82" s="460"/>
      <c r="D82" s="460"/>
      <c r="E82" s="460"/>
      <c r="F82" s="460"/>
      <c r="G82" s="460"/>
      <c r="H82" s="460"/>
      <c r="I82" s="460"/>
      <c r="J82" s="460"/>
      <c r="K82" s="460"/>
      <c r="L82" s="460"/>
      <c r="M82" s="460"/>
      <c r="N82" s="460"/>
      <c r="O82" s="460"/>
      <c r="P82" s="460"/>
      <c r="Q82" s="460"/>
      <c r="R82" s="460"/>
    </row>
    <row r="83" spans="2:18" x14ac:dyDescent="0.15">
      <c r="B83" s="464" t="s">
        <v>454</v>
      </c>
      <c r="C83" s="460"/>
      <c r="D83" s="460"/>
      <c r="E83" s="460"/>
      <c r="F83" s="460"/>
      <c r="G83" s="460"/>
      <c r="H83" s="460"/>
      <c r="I83" s="460"/>
      <c r="J83" s="460"/>
      <c r="K83" s="460"/>
      <c r="L83" s="460"/>
      <c r="M83" s="460"/>
      <c r="N83" s="460"/>
      <c r="O83" s="460"/>
      <c r="P83" s="460"/>
      <c r="Q83" s="460"/>
      <c r="R83" s="460"/>
    </row>
    <row r="84" spans="2:18" x14ac:dyDescent="0.15">
      <c r="B84" s="460" t="s">
        <v>455</v>
      </c>
      <c r="C84" s="460"/>
      <c r="D84" s="460"/>
      <c r="E84" s="460"/>
      <c r="F84" s="460"/>
      <c r="G84" s="460"/>
      <c r="H84" s="460"/>
      <c r="I84" s="460"/>
      <c r="J84" s="460"/>
      <c r="K84" s="460"/>
      <c r="L84" s="460"/>
      <c r="M84" s="460"/>
      <c r="N84" s="460"/>
      <c r="O84" s="460"/>
      <c r="P84" s="460"/>
      <c r="Q84" s="460"/>
      <c r="R84" s="460"/>
    </row>
    <row r="85" spans="2:18" x14ac:dyDescent="0.15">
      <c r="B85" s="460" t="s">
        <v>456</v>
      </c>
      <c r="C85" s="460"/>
      <c r="D85" s="460"/>
      <c r="E85" s="460"/>
      <c r="F85" s="460"/>
      <c r="G85" s="460"/>
      <c r="H85" s="460"/>
      <c r="I85" s="460"/>
      <c r="J85" s="460"/>
      <c r="K85" s="460"/>
      <c r="L85" s="460"/>
      <c r="M85" s="460"/>
      <c r="N85" s="460"/>
      <c r="O85" s="460"/>
      <c r="P85" s="460"/>
      <c r="Q85" s="460"/>
      <c r="R85" s="460"/>
    </row>
    <row r="86" spans="2:18" x14ac:dyDescent="0.15">
      <c r="B86" s="460"/>
      <c r="C86" s="460"/>
      <c r="D86" s="460"/>
      <c r="E86" s="460"/>
      <c r="F86" s="460"/>
      <c r="G86" s="460"/>
      <c r="H86" s="460"/>
      <c r="I86" s="460"/>
      <c r="J86" s="460"/>
      <c r="K86" s="460"/>
      <c r="L86" s="460"/>
      <c r="M86" s="460"/>
      <c r="N86" s="460"/>
      <c r="O86" s="460"/>
      <c r="P86" s="460"/>
      <c r="Q86" s="460"/>
      <c r="R86" s="460"/>
    </row>
    <row r="87" spans="2:18" x14ac:dyDescent="0.15">
      <c r="B87" s="460"/>
      <c r="C87" s="460"/>
      <c r="D87" s="460"/>
      <c r="E87" s="460"/>
      <c r="F87" s="460"/>
      <c r="G87" s="460"/>
      <c r="H87" s="460"/>
      <c r="I87" s="460"/>
      <c r="J87" s="460"/>
      <c r="K87" s="460"/>
      <c r="L87" s="460"/>
      <c r="M87" s="460"/>
      <c r="N87" s="460"/>
      <c r="O87" s="460"/>
      <c r="P87" s="460"/>
      <c r="Q87" s="460"/>
      <c r="R87" s="460"/>
    </row>
    <row r="88" spans="2:18" x14ac:dyDescent="0.15">
      <c r="B88" s="460"/>
      <c r="C88" s="460"/>
      <c r="D88" s="460"/>
      <c r="E88" s="460"/>
      <c r="F88" s="460"/>
      <c r="G88" s="460"/>
      <c r="H88" s="460"/>
      <c r="I88" s="460"/>
      <c r="J88" s="460"/>
      <c r="K88" s="460"/>
      <c r="L88" s="460"/>
      <c r="M88" s="460"/>
      <c r="N88" s="460"/>
      <c r="O88" s="460"/>
      <c r="P88" s="460"/>
      <c r="Q88" s="460"/>
      <c r="R88" s="460"/>
    </row>
    <row r="89" spans="2:18" x14ac:dyDescent="0.15">
      <c r="B89" s="460"/>
      <c r="C89" s="460"/>
      <c r="D89" s="460"/>
      <c r="E89" s="460"/>
      <c r="F89" s="460"/>
      <c r="G89" s="460"/>
      <c r="H89" s="460"/>
      <c r="I89" s="460"/>
      <c r="J89" s="460"/>
      <c r="K89" s="460"/>
      <c r="L89" s="460"/>
      <c r="M89" s="460"/>
      <c r="N89" s="460"/>
      <c r="O89" s="460"/>
      <c r="P89" s="460"/>
      <c r="Q89" s="460"/>
      <c r="R89" s="460"/>
    </row>
    <row r="90" spans="2:18" x14ac:dyDescent="0.15">
      <c r="B90" s="460"/>
      <c r="C90" s="460"/>
      <c r="D90" s="460"/>
      <c r="E90" s="460"/>
      <c r="F90" s="460"/>
      <c r="G90" s="460"/>
      <c r="H90" s="460"/>
      <c r="I90" s="460"/>
      <c r="J90" s="460"/>
      <c r="K90" s="460"/>
      <c r="L90" s="460"/>
      <c r="M90" s="460"/>
      <c r="N90" s="460"/>
      <c r="O90" s="460"/>
      <c r="P90" s="460"/>
      <c r="Q90" s="460"/>
      <c r="R90" s="460"/>
    </row>
    <row r="91" spans="2:18" x14ac:dyDescent="0.15">
      <c r="B91" s="460"/>
      <c r="C91" s="460"/>
      <c r="D91" s="460"/>
      <c r="E91" s="460"/>
      <c r="F91" s="460"/>
      <c r="G91" s="460"/>
      <c r="H91" s="460"/>
      <c r="I91" s="460"/>
      <c r="J91" s="460"/>
      <c r="K91" s="460"/>
      <c r="L91" s="460"/>
      <c r="M91" s="460"/>
      <c r="N91" s="460"/>
      <c r="O91" s="460"/>
      <c r="P91" s="460"/>
      <c r="Q91" s="460"/>
      <c r="R91" s="460"/>
    </row>
    <row r="92" spans="2:18" x14ac:dyDescent="0.15">
      <c r="B92" s="460"/>
      <c r="C92" s="460"/>
      <c r="D92" s="460"/>
      <c r="E92" s="460"/>
      <c r="F92" s="460"/>
      <c r="G92" s="460"/>
      <c r="H92" s="460"/>
      <c r="I92" s="460"/>
      <c r="J92" s="460"/>
      <c r="K92" s="460"/>
      <c r="L92" s="460"/>
      <c r="M92" s="460"/>
      <c r="N92" s="460"/>
      <c r="O92" s="460"/>
      <c r="P92" s="460"/>
      <c r="Q92" s="460"/>
      <c r="R92" s="460"/>
    </row>
    <row r="93" spans="2:18" x14ac:dyDescent="0.15">
      <c r="B93" s="460"/>
      <c r="C93" s="460"/>
      <c r="D93" s="460"/>
      <c r="E93" s="460"/>
      <c r="F93" s="460"/>
      <c r="G93" s="460"/>
      <c r="H93" s="460"/>
      <c r="I93" s="460"/>
      <c r="J93" s="460"/>
      <c r="K93" s="460"/>
      <c r="L93" s="460"/>
      <c r="M93" s="460"/>
      <c r="N93" s="460"/>
      <c r="O93" s="460"/>
      <c r="P93" s="460"/>
      <c r="Q93" s="460"/>
      <c r="R93" s="460"/>
    </row>
    <row r="94" spans="2:18" x14ac:dyDescent="0.15">
      <c r="B94" s="460"/>
      <c r="C94" s="460"/>
      <c r="D94" s="460"/>
      <c r="E94" s="460"/>
      <c r="F94" s="460"/>
      <c r="G94" s="460"/>
      <c r="H94" s="460"/>
      <c r="I94" s="460"/>
      <c r="J94" s="460"/>
      <c r="K94" s="460"/>
      <c r="L94" s="460"/>
      <c r="M94" s="460"/>
      <c r="N94" s="460"/>
      <c r="O94" s="460"/>
      <c r="P94" s="460"/>
      <c r="Q94" s="460"/>
      <c r="R94" s="460"/>
    </row>
  </sheetData>
  <mergeCells count="134">
    <mergeCell ref="B91:R91"/>
    <mergeCell ref="B92:R92"/>
    <mergeCell ref="B93:R93"/>
    <mergeCell ref="B94:R94"/>
    <mergeCell ref="V17:V22"/>
    <mergeCell ref="B85:R85"/>
    <mergeCell ref="B86:R86"/>
    <mergeCell ref="B87:R87"/>
    <mergeCell ref="B88:R88"/>
    <mergeCell ref="B89:R89"/>
    <mergeCell ref="B90:R90"/>
    <mergeCell ref="B79:R79"/>
    <mergeCell ref="B80:R80"/>
    <mergeCell ref="B81:R81"/>
    <mergeCell ref="B82:R82"/>
    <mergeCell ref="B83:R83"/>
    <mergeCell ref="B84:R84"/>
    <mergeCell ref="B73:R73"/>
    <mergeCell ref="B74:R74"/>
    <mergeCell ref="B75:R75"/>
    <mergeCell ref="B76:R76"/>
    <mergeCell ref="B77:R77"/>
    <mergeCell ref="B78:R78"/>
    <mergeCell ref="B67:R67"/>
    <mergeCell ref="B68:R68"/>
    <mergeCell ref="B69:R69"/>
    <mergeCell ref="B70:R70"/>
    <mergeCell ref="B71:R71"/>
    <mergeCell ref="B72:R72"/>
    <mergeCell ref="B60:R60"/>
    <mergeCell ref="B61:R61"/>
    <mergeCell ref="B62:R62"/>
    <mergeCell ref="B64:R64"/>
    <mergeCell ref="B65:R65"/>
    <mergeCell ref="B66:R66"/>
    <mergeCell ref="J54:L54"/>
    <mergeCell ref="M54:O54"/>
    <mergeCell ref="P54:R54"/>
    <mergeCell ref="J55:O55"/>
    <mergeCell ref="P55:R56"/>
    <mergeCell ref="J56:O56"/>
    <mergeCell ref="C50:C51"/>
    <mergeCell ref="D50:D51"/>
    <mergeCell ref="M50:O51"/>
    <mergeCell ref="P50:R51"/>
    <mergeCell ref="J53:L53"/>
    <mergeCell ref="M53:O53"/>
    <mergeCell ref="P53:R53"/>
    <mergeCell ref="C46:C47"/>
    <mergeCell ref="D46:D47"/>
    <mergeCell ref="M46:O47"/>
    <mergeCell ref="P46:R47"/>
    <mergeCell ref="C48:C49"/>
    <mergeCell ref="D48:D49"/>
    <mergeCell ref="M48:O49"/>
    <mergeCell ref="P48:R49"/>
    <mergeCell ref="C44:K44"/>
    <mergeCell ref="M44:R44"/>
    <mergeCell ref="C45:D45"/>
    <mergeCell ref="F45:G45"/>
    <mergeCell ref="H45:I45"/>
    <mergeCell ref="J45:K45"/>
    <mergeCell ref="M45:O45"/>
    <mergeCell ref="P45:R45"/>
    <mergeCell ref="J40:L40"/>
    <mergeCell ref="M40:O40"/>
    <mergeCell ref="P40:R40"/>
    <mergeCell ref="J41:O41"/>
    <mergeCell ref="P41:R42"/>
    <mergeCell ref="J42:O42"/>
    <mergeCell ref="C36:C37"/>
    <mergeCell ref="D36:D37"/>
    <mergeCell ref="M36:O37"/>
    <mergeCell ref="P36:R37"/>
    <mergeCell ref="J39:L39"/>
    <mergeCell ref="M39:O39"/>
    <mergeCell ref="P39:R39"/>
    <mergeCell ref="C32:C33"/>
    <mergeCell ref="D32:D33"/>
    <mergeCell ref="M32:O33"/>
    <mergeCell ref="P32:R33"/>
    <mergeCell ref="C34:C35"/>
    <mergeCell ref="D34:D35"/>
    <mergeCell ref="M34:O35"/>
    <mergeCell ref="P34:R35"/>
    <mergeCell ref="C28:C29"/>
    <mergeCell ref="D28:D29"/>
    <mergeCell ref="M28:O29"/>
    <mergeCell ref="P28:R29"/>
    <mergeCell ref="C30:C31"/>
    <mergeCell ref="D30:D31"/>
    <mergeCell ref="M30:O31"/>
    <mergeCell ref="P30:R31"/>
    <mergeCell ref="C24:C25"/>
    <mergeCell ref="D24:D25"/>
    <mergeCell ref="M24:O25"/>
    <mergeCell ref="P24:R25"/>
    <mergeCell ref="C26:C27"/>
    <mergeCell ref="D26:D27"/>
    <mergeCell ref="M26:O27"/>
    <mergeCell ref="P26:R27"/>
    <mergeCell ref="C20:C21"/>
    <mergeCell ref="D20:D21"/>
    <mergeCell ref="M20:O21"/>
    <mergeCell ref="P20:R21"/>
    <mergeCell ref="C22:C23"/>
    <mergeCell ref="D22:D23"/>
    <mergeCell ref="M22:O23"/>
    <mergeCell ref="P22:R23"/>
    <mergeCell ref="C18:C19"/>
    <mergeCell ref="D18:D19"/>
    <mergeCell ref="M18:O19"/>
    <mergeCell ref="P18:R19"/>
    <mergeCell ref="F9:I9"/>
    <mergeCell ref="F11:I11"/>
    <mergeCell ref="C14:K14"/>
    <mergeCell ref="M14:R14"/>
    <mergeCell ref="C15:D15"/>
    <mergeCell ref="F15:G15"/>
    <mergeCell ref="H15:I15"/>
    <mergeCell ref="J15:K15"/>
    <mergeCell ref="M15:O15"/>
    <mergeCell ref="P15:R15"/>
    <mergeCell ref="L1:M1"/>
    <mergeCell ref="B2:R2"/>
    <mergeCell ref="J4:R4"/>
    <mergeCell ref="J5:R5"/>
    <mergeCell ref="J6:R6"/>
    <mergeCell ref="B8:D8"/>
    <mergeCell ref="F8:I8"/>
    <mergeCell ref="C16:C17"/>
    <mergeCell ref="D16:D17"/>
    <mergeCell ref="M16:O17"/>
    <mergeCell ref="P16:R17"/>
  </mergeCells>
  <phoneticPr fontId="6"/>
  <dataValidations count="3">
    <dataValidation type="list" allowBlank="1" showInputMessage="1" showErrorMessage="1" sqref="B14 B44">
      <formula1>"□,■"</formula1>
    </dataValidation>
    <dataValidation type="list" allowBlank="1" showInputMessage="1" showErrorMessage="1" sqref="F11">
      <formula1>"前年度（３月を除く）,届出日の属する月の前３月"</formula1>
    </dataValidation>
    <dataValidation type="list" allowBlank="1" showInputMessage="1" showErrorMessage="1" sqref="F8:I8">
      <formula1>$W$17:$W$19</formula1>
    </dataValidation>
  </dataValidations>
  <printOptions horizontalCentered="1"/>
  <pageMargins left="0.51181102362204722" right="0.51181102362204722" top="0.35433070866141736" bottom="0.15748031496062992" header="0.31496062992125984" footer="0.31496062992125984"/>
  <pageSetup paperSize="9" scale="68" fitToHeight="0" orientation="portrait" blackAndWhite="1" cellComments="asDisplayed" r:id="rId1"/>
  <headerFooter alignWithMargins="0"/>
  <rowBreaks count="1" manualBreakCount="1">
    <brk id="56" max="1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146</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465" t="s">
        <v>88</v>
      </c>
      <c r="AA3" s="466"/>
      <c r="AB3" s="466"/>
      <c r="AC3" s="466"/>
      <c r="AD3" s="467"/>
      <c r="AE3" s="384"/>
      <c r="AF3" s="385"/>
      <c r="AG3" s="385"/>
      <c r="AH3" s="385"/>
      <c r="AI3" s="385"/>
      <c r="AJ3" s="385"/>
      <c r="AK3" s="385"/>
      <c r="AL3" s="386"/>
      <c r="AM3" s="20"/>
      <c r="AN3" s="1"/>
    </row>
    <row r="4" spans="2:40" s="2" customFormat="1" x14ac:dyDescent="0.15">
      <c r="AN4" s="21"/>
    </row>
    <row r="5" spans="2:40" s="2" customFormat="1" x14ac:dyDescent="0.15">
      <c r="B5" s="468" t="s">
        <v>41</v>
      </c>
      <c r="C5" s="468"/>
      <c r="D5" s="468"/>
      <c r="E5" s="468"/>
      <c r="F5" s="468"/>
      <c r="G5" s="468"/>
      <c r="H5" s="468"/>
      <c r="I5" s="468"/>
      <c r="J5" s="468"/>
      <c r="K5" s="468"/>
      <c r="L5" s="468"/>
      <c r="M5" s="468"/>
      <c r="N5" s="468"/>
      <c r="O5" s="468"/>
      <c r="P5" s="468"/>
      <c r="Q5" s="468"/>
      <c r="R5" s="468"/>
      <c r="S5" s="468"/>
      <c r="T5" s="468"/>
      <c r="U5" s="468"/>
      <c r="V5" s="468"/>
      <c r="W5" s="468"/>
      <c r="X5" s="468"/>
      <c r="Y5" s="468"/>
      <c r="Z5" s="468"/>
      <c r="AA5" s="468"/>
      <c r="AB5" s="468"/>
      <c r="AC5" s="468"/>
      <c r="AD5" s="468"/>
      <c r="AE5" s="468"/>
      <c r="AF5" s="468"/>
      <c r="AG5" s="468"/>
      <c r="AH5" s="468"/>
      <c r="AI5" s="468"/>
      <c r="AJ5" s="468"/>
      <c r="AK5" s="468"/>
      <c r="AL5" s="468"/>
    </row>
    <row r="6" spans="2:40" s="2" customFormat="1" ht="13.5" customHeight="1" x14ac:dyDescent="0.15">
      <c r="AC6" s="1"/>
      <c r="AD6" s="45"/>
      <c r="AE6" s="45" t="s">
        <v>28</v>
      </c>
      <c r="AH6" s="2" t="s">
        <v>34</v>
      </c>
      <c r="AJ6" s="2" t="s">
        <v>30</v>
      </c>
      <c r="AL6" s="2" t="s">
        <v>29</v>
      </c>
    </row>
    <row r="7" spans="2:40" s="2" customFormat="1" x14ac:dyDescent="0.15">
      <c r="B7" s="468" t="s">
        <v>89</v>
      </c>
      <c r="C7" s="468"/>
      <c r="D7" s="468"/>
      <c r="E7" s="468"/>
      <c r="F7" s="468"/>
      <c r="G7" s="468"/>
      <c r="H7" s="468"/>
      <c r="I7" s="468"/>
      <c r="J7" s="468"/>
      <c r="K7" s="12"/>
      <c r="L7" s="12"/>
      <c r="M7" s="12"/>
      <c r="N7" s="12"/>
      <c r="O7" s="12"/>
      <c r="P7" s="12"/>
      <c r="Q7" s="12"/>
      <c r="R7" s="12"/>
      <c r="S7" s="12"/>
      <c r="T7" s="12"/>
    </row>
    <row r="8" spans="2:40" s="2" customFormat="1" x14ac:dyDescent="0.15">
      <c r="AC8" s="1" t="s">
        <v>79</v>
      </c>
    </row>
    <row r="9" spans="2:40" s="2" customFormat="1" x14ac:dyDescent="0.15">
      <c r="C9" s="1" t="s">
        <v>42</v>
      </c>
      <c r="D9" s="1"/>
    </row>
    <row r="10" spans="2:40" s="2" customFormat="1" ht="6.75" customHeight="1" x14ac:dyDescent="0.15">
      <c r="C10" s="1"/>
      <c r="D10" s="1"/>
    </row>
    <row r="11" spans="2:40" s="2" customFormat="1" ht="14.25" customHeight="1" x14ac:dyDescent="0.15">
      <c r="B11" s="469" t="s">
        <v>90</v>
      </c>
      <c r="C11" s="472" t="s">
        <v>7</v>
      </c>
      <c r="D11" s="473"/>
      <c r="E11" s="473"/>
      <c r="F11" s="473"/>
      <c r="G11" s="473"/>
      <c r="H11" s="473"/>
      <c r="I11" s="473"/>
      <c r="J11" s="473"/>
      <c r="K11" s="474"/>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470"/>
      <c r="C12" s="475" t="s">
        <v>91</v>
      </c>
      <c r="D12" s="476"/>
      <c r="E12" s="476"/>
      <c r="F12" s="476"/>
      <c r="G12" s="476"/>
      <c r="H12" s="476"/>
      <c r="I12" s="476"/>
      <c r="J12" s="476"/>
      <c r="K12" s="476"/>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470"/>
      <c r="C13" s="472" t="s">
        <v>8</v>
      </c>
      <c r="D13" s="473"/>
      <c r="E13" s="473"/>
      <c r="F13" s="473"/>
      <c r="G13" s="473"/>
      <c r="H13" s="473"/>
      <c r="I13" s="473"/>
      <c r="J13" s="473"/>
      <c r="K13" s="477"/>
      <c r="L13" s="482" t="s">
        <v>92</v>
      </c>
      <c r="M13" s="483"/>
      <c r="N13" s="483"/>
      <c r="O13" s="483"/>
      <c r="P13" s="483"/>
      <c r="Q13" s="483"/>
      <c r="R13" s="483"/>
      <c r="S13" s="483"/>
      <c r="T13" s="483"/>
      <c r="U13" s="483"/>
      <c r="V13" s="483"/>
      <c r="W13" s="483"/>
      <c r="X13" s="483"/>
      <c r="Y13" s="483"/>
      <c r="Z13" s="483"/>
      <c r="AA13" s="483"/>
      <c r="AB13" s="483"/>
      <c r="AC13" s="483"/>
      <c r="AD13" s="483"/>
      <c r="AE13" s="483"/>
      <c r="AF13" s="483"/>
      <c r="AG13" s="483"/>
      <c r="AH13" s="483"/>
      <c r="AI13" s="483"/>
      <c r="AJ13" s="483"/>
      <c r="AK13" s="483"/>
      <c r="AL13" s="484"/>
    </row>
    <row r="14" spans="2:40" s="2" customFormat="1" x14ac:dyDescent="0.15">
      <c r="B14" s="470"/>
      <c r="C14" s="475"/>
      <c r="D14" s="476"/>
      <c r="E14" s="476"/>
      <c r="F14" s="476"/>
      <c r="G14" s="476"/>
      <c r="H14" s="476"/>
      <c r="I14" s="476"/>
      <c r="J14" s="476"/>
      <c r="K14" s="478"/>
      <c r="L14" s="485" t="s">
        <v>93</v>
      </c>
      <c r="M14" s="486"/>
      <c r="N14" s="486"/>
      <c r="O14" s="486"/>
      <c r="P14" s="486"/>
      <c r="Q14" s="486"/>
      <c r="R14" s="486"/>
      <c r="S14" s="486"/>
      <c r="T14" s="486"/>
      <c r="U14" s="486"/>
      <c r="V14" s="486"/>
      <c r="W14" s="486"/>
      <c r="X14" s="486"/>
      <c r="Y14" s="486"/>
      <c r="Z14" s="486"/>
      <c r="AA14" s="486"/>
      <c r="AB14" s="486"/>
      <c r="AC14" s="486"/>
      <c r="AD14" s="486"/>
      <c r="AE14" s="486"/>
      <c r="AF14" s="486"/>
      <c r="AG14" s="486"/>
      <c r="AH14" s="486"/>
      <c r="AI14" s="486"/>
      <c r="AJ14" s="486"/>
      <c r="AK14" s="486"/>
      <c r="AL14" s="487"/>
    </row>
    <row r="15" spans="2:40" s="2" customFormat="1" x14ac:dyDescent="0.15">
      <c r="B15" s="470"/>
      <c r="C15" s="479"/>
      <c r="D15" s="480"/>
      <c r="E15" s="480"/>
      <c r="F15" s="480"/>
      <c r="G15" s="480"/>
      <c r="H15" s="480"/>
      <c r="I15" s="480"/>
      <c r="J15" s="480"/>
      <c r="K15" s="481"/>
      <c r="L15" s="488" t="s">
        <v>94</v>
      </c>
      <c r="M15" s="489"/>
      <c r="N15" s="489"/>
      <c r="O15" s="489"/>
      <c r="P15" s="489"/>
      <c r="Q15" s="489"/>
      <c r="R15" s="489"/>
      <c r="S15" s="489"/>
      <c r="T15" s="489"/>
      <c r="U15" s="489"/>
      <c r="V15" s="489"/>
      <c r="W15" s="489"/>
      <c r="X15" s="489"/>
      <c r="Y15" s="489"/>
      <c r="Z15" s="489"/>
      <c r="AA15" s="489"/>
      <c r="AB15" s="489"/>
      <c r="AC15" s="489"/>
      <c r="AD15" s="489"/>
      <c r="AE15" s="489"/>
      <c r="AF15" s="489"/>
      <c r="AG15" s="489"/>
      <c r="AH15" s="489"/>
      <c r="AI15" s="489"/>
      <c r="AJ15" s="489"/>
      <c r="AK15" s="489"/>
      <c r="AL15" s="490"/>
    </row>
    <row r="16" spans="2:40" s="2" customFormat="1" ht="14.25" customHeight="1" x14ac:dyDescent="0.15">
      <c r="B16" s="470"/>
      <c r="C16" s="491" t="s">
        <v>95</v>
      </c>
      <c r="D16" s="492"/>
      <c r="E16" s="492"/>
      <c r="F16" s="492"/>
      <c r="G16" s="492"/>
      <c r="H16" s="492"/>
      <c r="I16" s="492"/>
      <c r="J16" s="492"/>
      <c r="K16" s="493"/>
      <c r="L16" s="465" t="s">
        <v>9</v>
      </c>
      <c r="M16" s="466"/>
      <c r="N16" s="466"/>
      <c r="O16" s="466"/>
      <c r="P16" s="467"/>
      <c r="Q16" s="24"/>
      <c r="R16" s="25"/>
      <c r="S16" s="25"/>
      <c r="T16" s="25"/>
      <c r="U16" s="25"/>
      <c r="V16" s="25"/>
      <c r="W16" s="25"/>
      <c r="X16" s="25"/>
      <c r="Y16" s="26"/>
      <c r="Z16" s="494" t="s">
        <v>10</v>
      </c>
      <c r="AA16" s="495"/>
      <c r="AB16" s="495"/>
      <c r="AC16" s="495"/>
      <c r="AD16" s="496"/>
      <c r="AE16" s="28"/>
      <c r="AF16" s="32"/>
      <c r="AG16" s="22"/>
      <c r="AH16" s="22"/>
      <c r="AI16" s="22"/>
      <c r="AJ16" s="483"/>
      <c r="AK16" s="483"/>
      <c r="AL16" s="484"/>
    </row>
    <row r="17" spans="2:40" ht="14.25" customHeight="1" x14ac:dyDescent="0.15">
      <c r="B17" s="470"/>
      <c r="C17" s="502" t="s">
        <v>53</v>
      </c>
      <c r="D17" s="503"/>
      <c r="E17" s="503"/>
      <c r="F17" s="503"/>
      <c r="G17" s="503"/>
      <c r="H17" s="503"/>
      <c r="I17" s="503"/>
      <c r="J17" s="503"/>
      <c r="K17" s="504"/>
      <c r="L17" s="27"/>
      <c r="M17" s="27"/>
      <c r="N17" s="27"/>
      <c r="O17" s="27"/>
      <c r="P17" s="27"/>
      <c r="Q17" s="27"/>
      <c r="R17" s="27"/>
      <c r="S17" s="27"/>
      <c r="U17" s="465" t="s">
        <v>11</v>
      </c>
      <c r="V17" s="466"/>
      <c r="W17" s="466"/>
      <c r="X17" s="466"/>
      <c r="Y17" s="467"/>
      <c r="Z17" s="18"/>
      <c r="AA17" s="19"/>
      <c r="AB17" s="19"/>
      <c r="AC17" s="19"/>
      <c r="AD17" s="19"/>
      <c r="AE17" s="505"/>
      <c r="AF17" s="505"/>
      <c r="AG17" s="505"/>
      <c r="AH17" s="505"/>
      <c r="AI17" s="505"/>
      <c r="AJ17" s="505"/>
      <c r="AK17" s="505"/>
      <c r="AL17" s="17"/>
      <c r="AN17" s="3"/>
    </row>
    <row r="18" spans="2:40" ht="14.25" customHeight="1" x14ac:dyDescent="0.15">
      <c r="B18" s="470"/>
      <c r="C18" s="497" t="s">
        <v>12</v>
      </c>
      <c r="D18" s="497"/>
      <c r="E18" s="497"/>
      <c r="F18" s="497"/>
      <c r="G18" s="497"/>
      <c r="H18" s="498"/>
      <c r="I18" s="498"/>
      <c r="J18" s="498"/>
      <c r="K18" s="499"/>
      <c r="L18" s="465" t="s">
        <v>13</v>
      </c>
      <c r="M18" s="466"/>
      <c r="N18" s="466"/>
      <c r="O18" s="466"/>
      <c r="P18" s="467"/>
      <c r="Q18" s="29"/>
      <c r="R18" s="30"/>
      <c r="S18" s="30"/>
      <c r="T18" s="30"/>
      <c r="U18" s="30"/>
      <c r="V18" s="30"/>
      <c r="W18" s="30"/>
      <c r="X18" s="30"/>
      <c r="Y18" s="31"/>
      <c r="Z18" s="500" t="s">
        <v>14</v>
      </c>
      <c r="AA18" s="500"/>
      <c r="AB18" s="500"/>
      <c r="AC18" s="500"/>
      <c r="AD18" s="501"/>
      <c r="AE18" s="15"/>
      <c r="AF18" s="16"/>
      <c r="AG18" s="16"/>
      <c r="AH18" s="16"/>
      <c r="AI18" s="16"/>
      <c r="AJ18" s="16"/>
      <c r="AK18" s="16"/>
      <c r="AL18" s="17"/>
      <c r="AN18" s="3"/>
    </row>
    <row r="19" spans="2:40" ht="13.5" customHeight="1" x14ac:dyDescent="0.15">
      <c r="B19" s="470"/>
      <c r="C19" s="506" t="s">
        <v>15</v>
      </c>
      <c r="D19" s="506"/>
      <c r="E19" s="506"/>
      <c r="F19" s="506"/>
      <c r="G19" s="506"/>
      <c r="H19" s="507"/>
      <c r="I19" s="507"/>
      <c r="J19" s="507"/>
      <c r="K19" s="507"/>
      <c r="L19" s="482" t="s">
        <v>92</v>
      </c>
      <c r="M19" s="483"/>
      <c r="N19" s="483"/>
      <c r="O19" s="483"/>
      <c r="P19" s="483"/>
      <c r="Q19" s="483"/>
      <c r="R19" s="483"/>
      <c r="S19" s="483"/>
      <c r="T19" s="483"/>
      <c r="U19" s="483"/>
      <c r="V19" s="483"/>
      <c r="W19" s="483"/>
      <c r="X19" s="483"/>
      <c r="Y19" s="483"/>
      <c r="Z19" s="483"/>
      <c r="AA19" s="483"/>
      <c r="AB19" s="483"/>
      <c r="AC19" s="483"/>
      <c r="AD19" s="483"/>
      <c r="AE19" s="483"/>
      <c r="AF19" s="483"/>
      <c r="AG19" s="483"/>
      <c r="AH19" s="483"/>
      <c r="AI19" s="483"/>
      <c r="AJ19" s="483"/>
      <c r="AK19" s="483"/>
      <c r="AL19" s="484"/>
      <c r="AN19" s="3"/>
    </row>
    <row r="20" spans="2:40" ht="14.25" customHeight="1" x14ac:dyDescent="0.15">
      <c r="B20" s="470"/>
      <c r="C20" s="506"/>
      <c r="D20" s="506"/>
      <c r="E20" s="506"/>
      <c r="F20" s="506"/>
      <c r="G20" s="506"/>
      <c r="H20" s="507"/>
      <c r="I20" s="507"/>
      <c r="J20" s="507"/>
      <c r="K20" s="507"/>
      <c r="L20" s="485" t="s">
        <v>93</v>
      </c>
      <c r="M20" s="486"/>
      <c r="N20" s="486"/>
      <c r="O20" s="486"/>
      <c r="P20" s="486"/>
      <c r="Q20" s="486"/>
      <c r="R20" s="486"/>
      <c r="S20" s="486"/>
      <c r="T20" s="486"/>
      <c r="U20" s="486"/>
      <c r="V20" s="486"/>
      <c r="W20" s="486"/>
      <c r="X20" s="486"/>
      <c r="Y20" s="486"/>
      <c r="Z20" s="486"/>
      <c r="AA20" s="486"/>
      <c r="AB20" s="486"/>
      <c r="AC20" s="486"/>
      <c r="AD20" s="486"/>
      <c r="AE20" s="486"/>
      <c r="AF20" s="486"/>
      <c r="AG20" s="486"/>
      <c r="AH20" s="486"/>
      <c r="AI20" s="486"/>
      <c r="AJ20" s="486"/>
      <c r="AK20" s="486"/>
      <c r="AL20" s="487"/>
      <c r="AN20" s="3"/>
    </row>
    <row r="21" spans="2:40" x14ac:dyDescent="0.15">
      <c r="B21" s="471"/>
      <c r="C21" s="508"/>
      <c r="D21" s="508"/>
      <c r="E21" s="508"/>
      <c r="F21" s="508"/>
      <c r="G21" s="508"/>
      <c r="H21" s="509"/>
      <c r="I21" s="509"/>
      <c r="J21" s="509"/>
      <c r="K21" s="509"/>
      <c r="L21" s="510"/>
      <c r="M21" s="511"/>
      <c r="N21" s="511"/>
      <c r="O21" s="511"/>
      <c r="P21" s="511"/>
      <c r="Q21" s="511"/>
      <c r="R21" s="511"/>
      <c r="S21" s="511"/>
      <c r="T21" s="511"/>
      <c r="U21" s="511"/>
      <c r="V21" s="511"/>
      <c r="W21" s="511"/>
      <c r="X21" s="511"/>
      <c r="Y21" s="511"/>
      <c r="Z21" s="511"/>
      <c r="AA21" s="511"/>
      <c r="AB21" s="511"/>
      <c r="AC21" s="511"/>
      <c r="AD21" s="511"/>
      <c r="AE21" s="511"/>
      <c r="AF21" s="511"/>
      <c r="AG21" s="511"/>
      <c r="AH21" s="511"/>
      <c r="AI21" s="511"/>
      <c r="AJ21" s="511"/>
      <c r="AK21" s="511"/>
      <c r="AL21" s="512"/>
      <c r="AN21" s="3"/>
    </row>
    <row r="22" spans="2:40" ht="13.5" customHeight="1" x14ac:dyDescent="0.15">
      <c r="B22" s="513" t="s">
        <v>96</v>
      </c>
      <c r="C22" s="472" t="s">
        <v>141</v>
      </c>
      <c r="D22" s="473"/>
      <c r="E22" s="473"/>
      <c r="F22" s="473"/>
      <c r="G22" s="473"/>
      <c r="H22" s="473"/>
      <c r="I22" s="473"/>
      <c r="J22" s="473"/>
      <c r="K22" s="477"/>
      <c r="L22" s="482" t="s">
        <v>92</v>
      </c>
      <c r="M22" s="483"/>
      <c r="N22" s="483"/>
      <c r="O22" s="483"/>
      <c r="P22" s="483"/>
      <c r="Q22" s="483"/>
      <c r="R22" s="483"/>
      <c r="S22" s="483"/>
      <c r="T22" s="483"/>
      <c r="U22" s="483"/>
      <c r="V22" s="483"/>
      <c r="W22" s="483"/>
      <c r="X22" s="483"/>
      <c r="Y22" s="483"/>
      <c r="Z22" s="483"/>
      <c r="AA22" s="483"/>
      <c r="AB22" s="483"/>
      <c r="AC22" s="483"/>
      <c r="AD22" s="483"/>
      <c r="AE22" s="483"/>
      <c r="AF22" s="483"/>
      <c r="AG22" s="483"/>
      <c r="AH22" s="483"/>
      <c r="AI22" s="483"/>
      <c r="AJ22" s="483"/>
      <c r="AK22" s="483"/>
      <c r="AL22" s="484"/>
      <c r="AN22" s="3"/>
    </row>
    <row r="23" spans="2:40" ht="14.25" customHeight="1" x14ac:dyDescent="0.15">
      <c r="B23" s="514"/>
      <c r="C23" s="475"/>
      <c r="D23" s="476"/>
      <c r="E23" s="476"/>
      <c r="F23" s="476"/>
      <c r="G23" s="476"/>
      <c r="H23" s="476"/>
      <c r="I23" s="476"/>
      <c r="J23" s="476"/>
      <c r="K23" s="478"/>
      <c r="L23" s="485" t="s">
        <v>93</v>
      </c>
      <c r="M23" s="486"/>
      <c r="N23" s="486"/>
      <c r="O23" s="486"/>
      <c r="P23" s="486"/>
      <c r="Q23" s="486"/>
      <c r="R23" s="486"/>
      <c r="S23" s="486"/>
      <c r="T23" s="486"/>
      <c r="U23" s="486"/>
      <c r="V23" s="486"/>
      <c r="W23" s="486"/>
      <c r="X23" s="486"/>
      <c r="Y23" s="486"/>
      <c r="Z23" s="486"/>
      <c r="AA23" s="486"/>
      <c r="AB23" s="486"/>
      <c r="AC23" s="486"/>
      <c r="AD23" s="486"/>
      <c r="AE23" s="486"/>
      <c r="AF23" s="486"/>
      <c r="AG23" s="486"/>
      <c r="AH23" s="486"/>
      <c r="AI23" s="486"/>
      <c r="AJ23" s="486"/>
      <c r="AK23" s="486"/>
      <c r="AL23" s="487"/>
      <c r="AN23" s="3"/>
    </row>
    <row r="24" spans="2:40" x14ac:dyDescent="0.15">
      <c r="B24" s="514"/>
      <c r="C24" s="479"/>
      <c r="D24" s="480"/>
      <c r="E24" s="480"/>
      <c r="F24" s="480"/>
      <c r="G24" s="480"/>
      <c r="H24" s="480"/>
      <c r="I24" s="480"/>
      <c r="J24" s="480"/>
      <c r="K24" s="481"/>
      <c r="L24" s="510"/>
      <c r="M24" s="511"/>
      <c r="N24" s="511"/>
      <c r="O24" s="511"/>
      <c r="P24" s="511"/>
      <c r="Q24" s="511"/>
      <c r="R24" s="511"/>
      <c r="S24" s="511"/>
      <c r="T24" s="511"/>
      <c r="U24" s="511"/>
      <c r="V24" s="511"/>
      <c r="W24" s="511"/>
      <c r="X24" s="511"/>
      <c r="Y24" s="511"/>
      <c r="Z24" s="511"/>
      <c r="AA24" s="511"/>
      <c r="AB24" s="511"/>
      <c r="AC24" s="511"/>
      <c r="AD24" s="511"/>
      <c r="AE24" s="511"/>
      <c r="AF24" s="511"/>
      <c r="AG24" s="511"/>
      <c r="AH24" s="511"/>
      <c r="AI24" s="511"/>
      <c r="AJ24" s="511"/>
      <c r="AK24" s="511"/>
      <c r="AL24" s="512"/>
      <c r="AN24" s="3"/>
    </row>
    <row r="25" spans="2:40" ht="14.25" customHeight="1" x14ac:dyDescent="0.15">
      <c r="B25" s="514"/>
      <c r="C25" s="506" t="s">
        <v>95</v>
      </c>
      <c r="D25" s="506"/>
      <c r="E25" s="506"/>
      <c r="F25" s="506"/>
      <c r="G25" s="506"/>
      <c r="H25" s="506"/>
      <c r="I25" s="506"/>
      <c r="J25" s="506"/>
      <c r="K25" s="506"/>
      <c r="L25" s="465" t="s">
        <v>9</v>
      </c>
      <c r="M25" s="466"/>
      <c r="N25" s="466"/>
      <c r="O25" s="466"/>
      <c r="P25" s="467"/>
      <c r="Q25" s="24"/>
      <c r="R25" s="25"/>
      <c r="S25" s="25"/>
      <c r="T25" s="25"/>
      <c r="U25" s="25"/>
      <c r="V25" s="25"/>
      <c r="W25" s="25"/>
      <c r="X25" s="25"/>
      <c r="Y25" s="26"/>
      <c r="Z25" s="494" t="s">
        <v>10</v>
      </c>
      <c r="AA25" s="495"/>
      <c r="AB25" s="495"/>
      <c r="AC25" s="495"/>
      <c r="AD25" s="496"/>
      <c r="AE25" s="28"/>
      <c r="AF25" s="32"/>
      <c r="AG25" s="22"/>
      <c r="AH25" s="22"/>
      <c r="AI25" s="22"/>
      <c r="AJ25" s="483"/>
      <c r="AK25" s="483"/>
      <c r="AL25" s="484"/>
      <c r="AN25" s="3"/>
    </row>
    <row r="26" spans="2:40" ht="13.5" customHeight="1" x14ac:dyDescent="0.15">
      <c r="B26" s="514"/>
      <c r="C26" s="516" t="s">
        <v>16</v>
      </c>
      <c r="D26" s="516"/>
      <c r="E26" s="516"/>
      <c r="F26" s="516"/>
      <c r="G26" s="516"/>
      <c r="H26" s="516"/>
      <c r="I26" s="516"/>
      <c r="J26" s="516"/>
      <c r="K26" s="516"/>
      <c r="L26" s="482" t="s">
        <v>92</v>
      </c>
      <c r="M26" s="483"/>
      <c r="N26" s="483"/>
      <c r="O26" s="483"/>
      <c r="P26" s="483"/>
      <c r="Q26" s="483"/>
      <c r="R26" s="483"/>
      <c r="S26" s="483"/>
      <c r="T26" s="483"/>
      <c r="U26" s="483"/>
      <c r="V26" s="483"/>
      <c r="W26" s="483"/>
      <c r="X26" s="483"/>
      <c r="Y26" s="483"/>
      <c r="Z26" s="483"/>
      <c r="AA26" s="483"/>
      <c r="AB26" s="483"/>
      <c r="AC26" s="483"/>
      <c r="AD26" s="483"/>
      <c r="AE26" s="483"/>
      <c r="AF26" s="483"/>
      <c r="AG26" s="483"/>
      <c r="AH26" s="483"/>
      <c r="AI26" s="483"/>
      <c r="AJ26" s="483"/>
      <c r="AK26" s="483"/>
      <c r="AL26" s="484"/>
      <c r="AN26" s="3"/>
    </row>
    <row r="27" spans="2:40" ht="14.25" customHeight="1" x14ac:dyDescent="0.15">
      <c r="B27" s="514"/>
      <c r="C27" s="516"/>
      <c r="D27" s="516"/>
      <c r="E27" s="516"/>
      <c r="F27" s="516"/>
      <c r="G27" s="516"/>
      <c r="H27" s="516"/>
      <c r="I27" s="516"/>
      <c r="J27" s="516"/>
      <c r="K27" s="516"/>
      <c r="L27" s="485" t="s">
        <v>93</v>
      </c>
      <c r="M27" s="486"/>
      <c r="N27" s="486"/>
      <c r="O27" s="486"/>
      <c r="P27" s="486"/>
      <c r="Q27" s="486"/>
      <c r="R27" s="486"/>
      <c r="S27" s="486"/>
      <c r="T27" s="486"/>
      <c r="U27" s="486"/>
      <c r="V27" s="486"/>
      <c r="W27" s="486"/>
      <c r="X27" s="486"/>
      <c r="Y27" s="486"/>
      <c r="Z27" s="486"/>
      <c r="AA27" s="486"/>
      <c r="AB27" s="486"/>
      <c r="AC27" s="486"/>
      <c r="AD27" s="486"/>
      <c r="AE27" s="486"/>
      <c r="AF27" s="486"/>
      <c r="AG27" s="486"/>
      <c r="AH27" s="486"/>
      <c r="AI27" s="486"/>
      <c r="AJ27" s="486"/>
      <c r="AK27" s="486"/>
      <c r="AL27" s="487"/>
      <c r="AN27" s="3"/>
    </row>
    <row r="28" spans="2:40" x14ac:dyDescent="0.15">
      <c r="B28" s="514"/>
      <c r="C28" s="516"/>
      <c r="D28" s="516"/>
      <c r="E28" s="516"/>
      <c r="F28" s="516"/>
      <c r="G28" s="516"/>
      <c r="H28" s="516"/>
      <c r="I28" s="516"/>
      <c r="J28" s="516"/>
      <c r="K28" s="516"/>
      <c r="L28" s="510"/>
      <c r="M28" s="511"/>
      <c r="N28" s="511"/>
      <c r="O28" s="511"/>
      <c r="P28" s="511"/>
      <c r="Q28" s="511"/>
      <c r="R28" s="511"/>
      <c r="S28" s="511"/>
      <c r="T28" s="511"/>
      <c r="U28" s="511"/>
      <c r="V28" s="511"/>
      <c r="W28" s="511"/>
      <c r="X28" s="511"/>
      <c r="Y28" s="511"/>
      <c r="Z28" s="511"/>
      <c r="AA28" s="511"/>
      <c r="AB28" s="511"/>
      <c r="AC28" s="511"/>
      <c r="AD28" s="511"/>
      <c r="AE28" s="511"/>
      <c r="AF28" s="511"/>
      <c r="AG28" s="511"/>
      <c r="AH28" s="511"/>
      <c r="AI28" s="511"/>
      <c r="AJ28" s="511"/>
      <c r="AK28" s="511"/>
      <c r="AL28" s="512"/>
      <c r="AN28" s="3"/>
    </row>
    <row r="29" spans="2:40" ht="14.25" customHeight="1" x14ac:dyDescent="0.15">
      <c r="B29" s="514"/>
      <c r="C29" s="506" t="s">
        <v>95</v>
      </c>
      <c r="D29" s="506"/>
      <c r="E29" s="506"/>
      <c r="F29" s="506"/>
      <c r="G29" s="506"/>
      <c r="H29" s="506"/>
      <c r="I29" s="506"/>
      <c r="J29" s="506"/>
      <c r="K29" s="506"/>
      <c r="L29" s="465" t="s">
        <v>9</v>
      </c>
      <c r="M29" s="466"/>
      <c r="N29" s="466"/>
      <c r="O29" s="466"/>
      <c r="P29" s="467"/>
      <c r="Q29" s="28"/>
      <c r="R29" s="32"/>
      <c r="S29" s="32"/>
      <c r="T29" s="32"/>
      <c r="U29" s="32"/>
      <c r="V29" s="32"/>
      <c r="W29" s="32"/>
      <c r="X29" s="32"/>
      <c r="Y29" s="33"/>
      <c r="Z29" s="494" t="s">
        <v>10</v>
      </c>
      <c r="AA29" s="495"/>
      <c r="AB29" s="495"/>
      <c r="AC29" s="495"/>
      <c r="AD29" s="496"/>
      <c r="AE29" s="28"/>
      <c r="AF29" s="32"/>
      <c r="AG29" s="22"/>
      <c r="AH29" s="22"/>
      <c r="AI29" s="22"/>
      <c r="AJ29" s="483"/>
      <c r="AK29" s="483"/>
      <c r="AL29" s="484"/>
      <c r="AN29" s="3"/>
    </row>
    <row r="30" spans="2:40" ht="14.25" customHeight="1" x14ac:dyDescent="0.15">
      <c r="B30" s="514"/>
      <c r="C30" s="506" t="s">
        <v>17</v>
      </c>
      <c r="D30" s="506"/>
      <c r="E30" s="506"/>
      <c r="F30" s="506"/>
      <c r="G30" s="506"/>
      <c r="H30" s="506"/>
      <c r="I30" s="506"/>
      <c r="J30" s="506"/>
      <c r="K30" s="506"/>
      <c r="L30" s="517"/>
      <c r="M30" s="517"/>
      <c r="N30" s="517"/>
      <c r="O30" s="517"/>
      <c r="P30" s="517"/>
      <c r="Q30" s="517"/>
      <c r="R30" s="517"/>
      <c r="S30" s="517"/>
      <c r="T30" s="517"/>
      <c r="U30" s="517"/>
      <c r="V30" s="517"/>
      <c r="W30" s="517"/>
      <c r="X30" s="517"/>
      <c r="Y30" s="517"/>
      <c r="Z30" s="517"/>
      <c r="AA30" s="517"/>
      <c r="AB30" s="517"/>
      <c r="AC30" s="517"/>
      <c r="AD30" s="517"/>
      <c r="AE30" s="517"/>
      <c r="AF30" s="517"/>
      <c r="AG30" s="517"/>
      <c r="AH30" s="517"/>
      <c r="AI30" s="517"/>
      <c r="AJ30" s="517"/>
      <c r="AK30" s="517"/>
      <c r="AL30" s="517"/>
      <c r="AN30" s="3"/>
    </row>
    <row r="31" spans="2:40" ht="13.5" customHeight="1" x14ac:dyDescent="0.15">
      <c r="B31" s="514"/>
      <c r="C31" s="506" t="s">
        <v>18</v>
      </c>
      <c r="D31" s="506"/>
      <c r="E31" s="506"/>
      <c r="F31" s="506"/>
      <c r="G31" s="506"/>
      <c r="H31" s="506"/>
      <c r="I31" s="506"/>
      <c r="J31" s="506"/>
      <c r="K31" s="506"/>
      <c r="L31" s="482" t="s">
        <v>92</v>
      </c>
      <c r="M31" s="483"/>
      <c r="N31" s="483"/>
      <c r="O31" s="483"/>
      <c r="P31" s="483"/>
      <c r="Q31" s="483"/>
      <c r="R31" s="483"/>
      <c r="S31" s="483"/>
      <c r="T31" s="483"/>
      <c r="U31" s="483"/>
      <c r="V31" s="483"/>
      <c r="W31" s="483"/>
      <c r="X31" s="483"/>
      <c r="Y31" s="483"/>
      <c r="Z31" s="483"/>
      <c r="AA31" s="483"/>
      <c r="AB31" s="483"/>
      <c r="AC31" s="483"/>
      <c r="AD31" s="483"/>
      <c r="AE31" s="483"/>
      <c r="AF31" s="483"/>
      <c r="AG31" s="483"/>
      <c r="AH31" s="483"/>
      <c r="AI31" s="483"/>
      <c r="AJ31" s="483"/>
      <c r="AK31" s="483"/>
      <c r="AL31" s="484"/>
      <c r="AN31" s="3"/>
    </row>
    <row r="32" spans="2:40" ht="14.25" customHeight="1" x14ac:dyDescent="0.15">
      <c r="B32" s="514"/>
      <c r="C32" s="506"/>
      <c r="D32" s="506"/>
      <c r="E32" s="506"/>
      <c r="F32" s="506"/>
      <c r="G32" s="506"/>
      <c r="H32" s="506"/>
      <c r="I32" s="506"/>
      <c r="J32" s="506"/>
      <c r="K32" s="506"/>
      <c r="L32" s="485" t="s">
        <v>93</v>
      </c>
      <c r="M32" s="486"/>
      <c r="N32" s="486"/>
      <c r="O32" s="486"/>
      <c r="P32" s="486"/>
      <c r="Q32" s="486"/>
      <c r="R32" s="486"/>
      <c r="S32" s="486"/>
      <c r="T32" s="486"/>
      <c r="U32" s="486"/>
      <c r="V32" s="486"/>
      <c r="W32" s="486"/>
      <c r="X32" s="486"/>
      <c r="Y32" s="486"/>
      <c r="Z32" s="486"/>
      <c r="AA32" s="486"/>
      <c r="AB32" s="486"/>
      <c r="AC32" s="486"/>
      <c r="AD32" s="486"/>
      <c r="AE32" s="486"/>
      <c r="AF32" s="486"/>
      <c r="AG32" s="486"/>
      <c r="AH32" s="486"/>
      <c r="AI32" s="486"/>
      <c r="AJ32" s="486"/>
      <c r="AK32" s="486"/>
      <c r="AL32" s="487"/>
      <c r="AN32" s="3"/>
    </row>
    <row r="33" spans="2:40" x14ac:dyDescent="0.15">
      <c r="B33" s="515"/>
      <c r="C33" s="506"/>
      <c r="D33" s="506"/>
      <c r="E33" s="506"/>
      <c r="F33" s="506"/>
      <c r="G33" s="506"/>
      <c r="H33" s="506"/>
      <c r="I33" s="506"/>
      <c r="J33" s="506"/>
      <c r="K33" s="506"/>
      <c r="L33" s="510"/>
      <c r="M33" s="511"/>
      <c r="N33" s="489"/>
      <c r="O33" s="489"/>
      <c r="P33" s="489"/>
      <c r="Q33" s="489"/>
      <c r="R33" s="489"/>
      <c r="S33" s="489"/>
      <c r="T33" s="489"/>
      <c r="U33" s="489"/>
      <c r="V33" s="489"/>
      <c r="W33" s="489"/>
      <c r="X33" s="489"/>
      <c r="Y33" s="489"/>
      <c r="Z33" s="489"/>
      <c r="AA33" s="489"/>
      <c r="AB33" s="489"/>
      <c r="AC33" s="511"/>
      <c r="AD33" s="511"/>
      <c r="AE33" s="511"/>
      <c r="AF33" s="511"/>
      <c r="AG33" s="511"/>
      <c r="AH33" s="489"/>
      <c r="AI33" s="489"/>
      <c r="AJ33" s="489"/>
      <c r="AK33" s="489"/>
      <c r="AL33" s="490"/>
      <c r="AN33" s="3"/>
    </row>
    <row r="34" spans="2:40" ht="13.5" customHeight="1" x14ac:dyDescent="0.15">
      <c r="B34" s="513" t="s">
        <v>43</v>
      </c>
      <c r="C34" s="552" t="s">
        <v>97</v>
      </c>
      <c r="D34" s="553"/>
      <c r="E34" s="553"/>
      <c r="F34" s="553"/>
      <c r="G34" s="553"/>
      <c r="H34" s="553"/>
      <c r="I34" s="553"/>
      <c r="J34" s="553"/>
      <c r="K34" s="553"/>
      <c r="L34" s="553"/>
      <c r="M34" s="534" t="s">
        <v>19</v>
      </c>
      <c r="N34" s="535"/>
      <c r="O34" s="53" t="s">
        <v>45</v>
      </c>
      <c r="P34" s="49"/>
      <c r="Q34" s="50"/>
      <c r="R34" s="538" t="s">
        <v>20</v>
      </c>
      <c r="S34" s="539"/>
      <c r="T34" s="539"/>
      <c r="U34" s="539"/>
      <c r="V34" s="539"/>
      <c r="W34" s="539"/>
      <c r="X34" s="540"/>
      <c r="Y34" s="544" t="s">
        <v>72</v>
      </c>
      <c r="Z34" s="545"/>
      <c r="AA34" s="545"/>
      <c r="AB34" s="546"/>
      <c r="AC34" s="547" t="s">
        <v>73</v>
      </c>
      <c r="AD34" s="548"/>
      <c r="AE34" s="548"/>
      <c r="AF34" s="548"/>
      <c r="AG34" s="549"/>
      <c r="AH34" s="518" t="s">
        <v>50</v>
      </c>
      <c r="AI34" s="519"/>
      <c r="AJ34" s="519"/>
      <c r="AK34" s="519"/>
      <c r="AL34" s="520"/>
      <c r="AN34" s="3"/>
    </row>
    <row r="35" spans="2:40" ht="14.25" customHeight="1" x14ac:dyDescent="0.15">
      <c r="B35" s="514"/>
      <c r="C35" s="554"/>
      <c r="D35" s="555"/>
      <c r="E35" s="555"/>
      <c r="F35" s="555"/>
      <c r="G35" s="555"/>
      <c r="H35" s="555"/>
      <c r="I35" s="555"/>
      <c r="J35" s="555"/>
      <c r="K35" s="555"/>
      <c r="L35" s="555"/>
      <c r="M35" s="536"/>
      <c r="N35" s="537"/>
      <c r="O35" s="54" t="s">
        <v>46</v>
      </c>
      <c r="P35" s="51"/>
      <c r="Q35" s="52"/>
      <c r="R35" s="541"/>
      <c r="S35" s="542"/>
      <c r="T35" s="542"/>
      <c r="U35" s="542"/>
      <c r="V35" s="542"/>
      <c r="W35" s="542"/>
      <c r="X35" s="543"/>
      <c r="Y35" s="56" t="s">
        <v>31</v>
      </c>
      <c r="Z35" s="55"/>
      <c r="AA35" s="55"/>
      <c r="AB35" s="55"/>
      <c r="AC35" s="521" t="s">
        <v>32</v>
      </c>
      <c r="AD35" s="522"/>
      <c r="AE35" s="522"/>
      <c r="AF35" s="522"/>
      <c r="AG35" s="523"/>
      <c r="AH35" s="524" t="s">
        <v>51</v>
      </c>
      <c r="AI35" s="525"/>
      <c r="AJ35" s="525"/>
      <c r="AK35" s="525"/>
      <c r="AL35" s="526"/>
      <c r="AN35" s="3"/>
    </row>
    <row r="36" spans="2:40" ht="14.25" customHeight="1" x14ac:dyDescent="0.15">
      <c r="B36" s="514"/>
      <c r="C36" s="470"/>
      <c r="D36" s="69"/>
      <c r="E36" s="527" t="s">
        <v>2</v>
      </c>
      <c r="F36" s="527"/>
      <c r="G36" s="527"/>
      <c r="H36" s="527"/>
      <c r="I36" s="527"/>
      <c r="J36" s="527"/>
      <c r="K36" s="527"/>
      <c r="L36" s="528"/>
      <c r="M36" s="37"/>
      <c r="N36" s="36"/>
      <c r="O36" s="18"/>
      <c r="P36" s="19"/>
      <c r="Q36" s="36"/>
      <c r="R36" s="11" t="s">
        <v>74</v>
      </c>
      <c r="S36" s="5"/>
      <c r="T36" s="5"/>
      <c r="U36" s="5"/>
      <c r="V36" s="5"/>
      <c r="W36" s="5"/>
      <c r="X36" s="5"/>
      <c r="Y36" s="9"/>
      <c r="Z36" s="30"/>
      <c r="AA36" s="30"/>
      <c r="AB36" s="30"/>
      <c r="AC36" s="15"/>
      <c r="AD36" s="16"/>
      <c r="AE36" s="16"/>
      <c r="AF36" s="16"/>
      <c r="AG36" s="17"/>
      <c r="AH36" s="15"/>
      <c r="AI36" s="16"/>
      <c r="AJ36" s="16"/>
      <c r="AK36" s="16"/>
      <c r="AL36" s="17" t="s">
        <v>77</v>
      </c>
      <c r="AN36" s="3"/>
    </row>
    <row r="37" spans="2:40" ht="14.25" customHeight="1" x14ac:dyDescent="0.15">
      <c r="B37" s="514"/>
      <c r="C37" s="470"/>
      <c r="D37" s="69"/>
      <c r="E37" s="527" t="s">
        <v>3</v>
      </c>
      <c r="F37" s="529"/>
      <c r="G37" s="529"/>
      <c r="H37" s="529"/>
      <c r="I37" s="529"/>
      <c r="J37" s="529"/>
      <c r="K37" s="529"/>
      <c r="L37" s="530"/>
      <c r="M37" s="37"/>
      <c r="N37" s="36"/>
      <c r="O37" s="18"/>
      <c r="P37" s="19"/>
      <c r="Q37" s="36"/>
      <c r="R37" s="11" t="s">
        <v>74</v>
      </c>
      <c r="S37" s="5"/>
      <c r="T37" s="5"/>
      <c r="U37" s="5"/>
      <c r="V37" s="5"/>
      <c r="W37" s="5"/>
      <c r="X37" s="5"/>
      <c r="Y37" s="9"/>
      <c r="Z37" s="30"/>
      <c r="AA37" s="30"/>
      <c r="AB37" s="30"/>
      <c r="AC37" s="15"/>
      <c r="AD37" s="16"/>
      <c r="AE37" s="16"/>
      <c r="AF37" s="16"/>
      <c r="AG37" s="17"/>
      <c r="AH37" s="15"/>
      <c r="AI37" s="16"/>
      <c r="AJ37" s="16"/>
      <c r="AK37" s="16"/>
      <c r="AL37" s="17" t="s">
        <v>77</v>
      </c>
      <c r="AN37" s="3"/>
    </row>
    <row r="38" spans="2:40" ht="14.25" customHeight="1" x14ac:dyDescent="0.15">
      <c r="B38" s="514"/>
      <c r="C38" s="470"/>
      <c r="D38" s="69"/>
      <c r="E38" s="527" t="s">
        <v>4</v>
      </c>
      <c r="F38" s="529"/>
      <c r="G38" s="529"/>
      <c r="H38" s="529"/>
      <c r="I38" s="529"/>
      <c r="J38" s="529"/>
      <c r="K38" s="529"/>
      <c r="L38" s="530"/>
      <c r="M38" s="37"/>
      <c r="N38" s="36"/>
      <c r="O38" s="18"/>
      <c r="P38" s="19"/>
      <c r="Q38" s="36"/>
      <c r="R38" s="11" t="s">
        <v>74</v>
      </c>
      <c r="S38" s="5"/>
      <c r="T38" s="5"/>
      <c r="U38" s="5"/>
      <c r="V38" s="5"/>
      <c r="W38" s="5"/>
      <c r="X38" s="5"/>
      <c r="Y38" s="9"/>
      <c r="Z38" s="30"/>
      <c r="AA38" s="30"/>
      <c r="AB38" s="30"/>
      <c r="AC38" s="15"/>
      <c r="AD38" s="16"/>
      <c r="AE38" s="16"/>
      <c r="AF38" s="16"/>
      <c r="AG38" s="17"/>
      <c r="AH38" s="15"/>
      <c r="AI38" s="16"/>
      <c r="AJ38" s="16"/>
      <c r="AK38" s="16"/>
      <c r="AL38" s="17" t="s">
        <v>77</v>
      </c>
      <c r="AN38" s="3"/>
    </row>
    <row r="39" spans="2:40" ht="14.25" customHeight="1" x14ac:dyDescent="0.15">
      <c r="B39" s="514"/>
      <c r="C39" s="470"/>
      <c r="D39" s="69"/>
      <c r="E39" s="527" t="s">
        <v>6</v>
      </c>
      <c r="F39" s="529"/>
      <c r="G39" s="529"/>
      <c r="H39" s="529"/>
      <c r="I39" s="529"/>
      <c r="J39" s="529"/>
      <c r="K39" s="529"/>
      <c r="L39" s="530"/>
      <c r="M39" s="37"/>
      <c r="N39" s="36"/>
      <c r="O39" s="18"/>
      <c r="P39" s="19"/>
      <c r="Q39" s="36"/>
      <c r="R39" s="11" t="s">
        <v>74</v>
      </c>
      <c r="S39" s="5"/>
      <c r="T39" s="5"/>
      <c r="U39" s="5"/>
      <c r="V39" s="5"/>
      <c r="W39" s="5"/>
      <c r="X39" s="5"/>
      <c r="Y39" s="9"/>
      <c r="Z39" s="30"/>
      <c r="AA39" s="30"/>
      <c r="AB39" s="30"/>
      <c r="AC39" s="15"/>
      <c r="AD39" s="16"/>
      <c r="AE39" s="16"/>
      <c r="AF39" s="16"/>
      <c r="AG39" s="17"/>
      <c r="AH39" s="15"/>
      <c r="AI39" s="16"/>
      <c r="AJ39" s="16"/>
      <c r="AK39" s="16"/>
      <c r="AL39" s="17" t="s">
        <v>77</v>
      </c>
      <c r="AN39" s="3"/>
    </row>
    <row r="40" spans="2:40" ht="14.25" customHeight="1" x14ac:dyDescent="0.15">
      <c r="B40" s="514"/>
      <c r="C40" s="470"/>
      <c r="D40" s="69"/>
      <c r="E40" s="527" t="s">
        <v>5</v>
      </c>
      <c r="F40" s="529"/>
      <c r="G40" s="529"/>
      <c r="H40" s="529"/>
      <c r="I40" s="529"/>
      <c r="J40" s="529"/>
      <c r="K40" s="529"/>
      <c r="L40" s="530"/>
      <c r="M40" s="37"/>
      <c r="N40" s="36"/>
      <c r="O40" s="18"/>
      <c r="P40" s="19"/>
      <c r="Q40" s="36"/>
      <c r="R40" s="11" t="s">
        <v>74</v>
      </c>
      <c r="S40" s="5"/>
      <c r="T40" s="5"/>
      <c r="U40" s="5"/>
      <c r="V40" s="5"/>
      <c r="W40" s="5"/>
      <c r="X40" s="5"/>
      <c r="Y40" s="9"/>
      <c r="Z40" s="30"/>
      <c r="AA40" s="30"/>
      <c r="AB40" s="30"/>
      <c r="AC40" s="15"/>
      <c r="AD40" s="16"/>
      <c r="AE40" s="16"/>
      <c r="AF40" s="16"/>
      <c r="AG40" s="17"/>
      <c r="AH40" s="15"/>
      <c r="AI40" s="16"/>
      <c r="AJ40" s="16"/>
      <c r="AK40" s="16"/>
      <c r="AL40" s="17" t="s">
        <v>77</v>
      </c>
      <c r="AN40" s="3"/>
    </row>
    <row r="41" spans="2:40" ht="14.25" customHeight="1" thickBot="1" x14ac:dyDescent="0.2">
      <c r="B41" s="514"/>
      <c r="C41" s="470"/>
      <c r="D41" s="70"/>
      <c r="E41" s="531" t="s">
        <v>44</v>
      </c>
      <c r="F41" s="532"/>
      <c r="G41" s="532"/>
      <c r="H41" s="532"/>
      <c r="I41" s="532"/>
      <c r="J41" s="532"/>
      <c r="K41" s="532"/>
      <c r="L41" s="533"/>
      <c r="M41" s="71"/>
      <c r="N41" s="35"/>
      <c r="O41" s="80"/>
      <c r="P41" s="34"/>
      <c r="Q41" s="35"/>
      <c r="R41" s="4" t="s">
        <v>74</v>
      </c>
      <c r="S41" s="81"/>
      <c r="T41" s="81"/>
      <c r="U41" s="81"/>
      <c r="V41" s="81"/>
      <c r="W41" s="81"/>
      <c r="X41" s="81"/>
      <c r="Y41" s="6"/>
      <c r="Z41" s="67"/>
      <c r="AA41" s="67"/>
      <c r="AB41" s="67"/>
      <c r="AC41" s="57"/>
      <c r="AD41" s="58"/>
      <c r="AE41" s="58"/>
      <c r="AF41" s="58"/>
      <c r="AG41" s="59"/>
      <c r="AH41" s="57"/>
      <c r="AI41" s="58"/>
      <c r="AJ41" s="58"/>
      <c r="AK41" s="58"/>
      <c r="AL41" s="59" t="s">
        <v>77</v>
      </c>
      <c r="AN41" s="3"/>
    </row>
    <row r="42" spans="2:40" ht="14.25" customHeight="1" thickTop="1" x14ac:dyDescent="0.15">
      <c r="B42" s="514"/>
      <c r="C42" s="470"/>
      <c r="D42" s="72"/>
      <c r="E42" s="556" t="s">
        <v>80</v>
      </c>
      <c r="F42" s="556"/>
      <c r="G42" s="556"/>
      <c r="H42" s="556"/>
      <c r="I42" s="556"/>
      <c r="J42" s="556"/>
      <c r="K42" s="556"/>
      <c r="L42" s="557"/>
      <c r="M42" s="73"/>
      <c r="N42" s="75"/>
      <c r="O42" s="82"/>
      <c r="P42" s="74"/>
      <c r="Q42" s="75"/>
      <c r="R42" s="83" t="s">
        <v>74</v>
      </c>
      <c r="S42" s="84"/>
      <c r="T42" s="84"/>
      <c r="U42" s="84"/>
      <c r="V42" s="84"/>
      <c r="W42" s="84"/>
      <c r="X42" s="84"/>
      <c r="Y42" s="76"/>
      <c r="Z42" s="77"/>
      <c r="AA42" s="77"/>
      <c r="AB42" s="77"/>
      <c r="AC42" s="85"/>
      <c r="AD42" s="78"/>
      <c r="AE42" s="78"/>
      <c r="AF42" s="78"/>
      <c r="AG42" s="79"/>
      <c r="AH42" s="85"/>
      <c r="AI42" s="78"/>
      <c r="AJ42" s="78"/>
      <c r="AK42" s="78"/>
      <c r="AL42" s="79" t="s">
        <v>77</v>
      </c>
      <c r="AN42" s="3"/>
    </row>
    <row r="43" spans="2:40" ht="14.25" customHeight="1" x14ac:dyDescent="0.15">
      <c r="B43" s="514"/>
      <c r="C43" s="470"/>
      <c r="D43" s="69"/>
      <c r="E43" s="527" t="s">
        <v>81</v>
      </c>
      <c r="F43" s="529"/>
      <c r="G43" s="529"/>
      <c r="H43" s="529"/>
      <c r="I43" s="529"/>
      <c r="J43" s="529"/>
      <c r="K43" s="529"/>
      <c r="L43" s="530"/>
      <c r="M43" s="37"/>
      <c r="N43" s="36"/>
      <c r="O43" s="18"/>
      <c r="P43" s="19"/>
      <c r="Q43" s="36"/>
      <c r="R43" s="11" t="s">
        <v>74</v>
      </c>
      <c r="S43" s="5"/>
      <c r="T43" s="5"/>
      <c r="U43" s="5"/>
      <c r="V43" s="5"/>
      <c r="W43" s="5"/>
      <c r="X43" s="5"/>
      <c r="Y43" s="9"/>
      <c r="Z43" s="30"/>
      <c r="AA43" s="30"/>
      <c r="AB43" s="30"/>
      <c r="AC43" s="15"/>
      <c r="AD43" s="16"/>
      <c r="AE43" s="16"/>
      <c r="AF43" s="16"/>
      <c r="AG43" s="17"/>
      <c r="AH43" s="15"/>
      <c r="AI43" s="16"/>
      <c r="AJ43" s="16"/>
      <c r="AK43" s="16"/>
      <c r="AL43" s="17" t="s">
        <v>77</v>
      </c>
      <c r="AN43" s="3"/>
    </row>
    <row r="44" spans="2:40" ht="14.25" customHeight="1" x14ac:dyDescent="0.15">
      <c r="B44" s="514"/>
      <c r="C44" s="470"/>
      <c r="D44" s="69"/>
      <c r="E44" s="527" t="s">
        <v>82</v>
      </c>
      <c r="F44" s="529"/>
      <c r="G44" s="529"/>
      <c r="H44" s="529"/>
      <c r="I44" s="529"/>
      <c r="J44" s="529"/>
      <c r="K44" s="529"/>
      <c r="L44" s="530"/>
      <c r="M44" s="37"/>
      <c r="N44" s="36"/>
      <c r="O44" s="18"/>
      <c r="P44" s="19"/>
      <c r="Q44" s="36"/>
      <c r="R44" s="11" t="s">
        <v>74</v>
      </c>
      <c r="S44" s="5"/>
      <c r="T44" s="5"/>
      <c r="U44" s="5"/>
      <c r="V44" s="5"/>
      <c r="W44" s="5"/>
      <c r="X44" s="5"/>
      <c r="Y44" s="9"/>
      <c r="Z44" s="30"/>
      <c r="AA44" s="30"/>
      <c r="AB44" s="30"/>
      <c r="AC44" s="15"/>
      <c r="AD44" s="16"/>
      <c r="AE44" s="16"/>
      <c r="AF44" s="16"/>
      <c r="AG44" s="17"/>
      <c r="AH44" s="15"/>
      <c r="AI44" s="16"/>
      <c r="AJ44" s="16"/>
      <c r="AK44" s="16"/>
      <c r="AL44" s="17" t="s">
        <v>77</v>
      </c>
      <c r="AN44" s="3"/>
    </row>
    <row r="45" spans="2:40" ht="14.25" customHeight="1" x14ac:dyDescent="0.15">
      <c r="B45" s="514"/>
      <c r="C45" s="470"/>
      <c r="D45" s="69"/>
      <c r="E45" s="527" t="s">
        <v>83</v>
      </c>
      <c r="F45" s="529"/>
      <c r="G45" s="529"/>
      <c r="H45" s="529"/>
      <c r="I45" s="529"/>
      <c r="J45" s="529"/>
      <c r="K45" s="529"/>
      <c r="L45" s="530"/>
      <c r="M45" s="37"/>
      <c r="N45" s="36"/>
      <c r="O45" s="18"/>
      <c r="P45" s="19"/>
      <c r="Q45" s="36"/>
      <c r="R45" s="11" t="s">
        <v>74</v>
      </c>
      <c r="S45" s="5"/>
      <c r="T45" s="5"/>
      <c r="U45" s="5"/>
      <c r="V45" s="5"/>
      <c r="W45" s="5"/>
      <c r="X45" s="5"/>
      <c r="Y45" s="9"/>
      <c r="Z45" s="30"/>
      <c r="AA45" s="30"/>
      <c r="AB45" s="30"/>
      <c r="AC45" s="15"/>
      <c r="AD45" s="16"/>
      <c r="AE45" s="16"/>
      <c r="AF45" s="16"/>
      <c r="AG45" s="17"/>
      <c r="AH45" s="15"/>
      <c r="AI45" s="16"/>
      <c r="AJ45" s="16"/>
      <c r="AK45" s="16"/>
      <c r="AL45" s="17" t="s">
        <v>77</v>
      </c>
      <c r="AN45" s="3"/>
    </row>
    <row r="46" spans="2:40" ht="14.25" customHeight="1" x14ac:dyDescent="0.15">
      <c r="B46" s="514"/>
      <c r="C46" s="470"/>
      <c r="D46" s="69"/>
      <c r="E46" s="527" t="s">
        <v>86</v>
      </c>
      <c r="F46" s="529"/>
      <c r="G46" s="529"/>
      <c r="H46" s="529"/>
      <c r="I46" s="529"/>
      <c r="J46" s="529"/>
      <c r="K46" s="529"/>
      <c r="L46" s="530"/>
      <c r="M46" s="37"/>
      <c r="N46" s="36"/>
      <c r="O46" s="18"/>
      <c r="P46" s="19"/>
      <c r="Q46" s="36"/>
      <c r="R46" s="11" t="s">
        <v>74</v>
      </c>
      <c r="S46" s="5"/>
      <c r="T46" s="5"/>
      <c r="U46" s="5"/>
      <c r="V46" s="5"/>
      <c r="W46" s="5"/>
      <c r="X46" s="5"/>
      <c r="Y46" s="9"/>
      <c r="Z46" s="30"/>
      <c r="AA46" s="30"/>
      <c r="AB46" s="30"/>
      <c r="AC46" s="15"/>
      <c r="AD46" s="16"/>
      <c r="AE46" s="16"/>
      <c r="AF46" s="16"/>
      <c r="AG46" s="17"/>
      <c r="AH46" s="15"/>
      <c r="AI46" s="16"/>
      <c r="AJ46" s="16"/>
      <c r="AK46" s="16"/>
      <c r="AL46" s="17" t="s">
        <v>77</v>
      </c>
      <c r="AN46" s="3"/>
    </row>
    <row r="47" spans="2:40" ht="14.25" customHeight="1" x14ac:dyDescent="0.15">
      <c r="B47" s="515"/>
      <c r="C47" s="470"/>
      <c r="D47" s="69"/>
      <c r="E47" s="527" t="s">
        <v>87</v>
      </c>
      <c r="F47" s="529"/>
      <c r="G47" s="529"/>
      <c r="H47" s="529"/>
      <c r="I47" s="529"/>
      <c r="J47" s="529"/>
      <c r="K47" s="529"/>
      <c r="L47" s="530"/>
      <c r="M47" s="37"/>
      <c r="N47" s="36"/>
      <c r="O47" s="18"/>
      <c r="P47" s="19"/>
      <c r="Q47" s="36"/>
      <c r="R47" s="11" t="s">
        <v>74</v>
      </c>
      <c r="S47" s="5"/>
      <c r="T47" s="5"/>
      <c r="U47" s="5"/>
      <c r="V47" s="5"/>
      <c r="W47" s="5"/>
      <c r="X47" s="5"/>
      <c r="Y47" s="9"/>
      <c r="Z47" s="30"/>
      <c r="AA47" s="30"/>
      <c r="AB47" s="30"/>
      <c r="AC47" s="15"/>
      <c r="AD47" s="16"/>
      <c r="AE47" s="16"/>
      <c r="AF47" s="16"/>
      <c r="AG47" s="17"/>
      <c r="AH47" s="15"/>
      <c r="AI47" s="16"/>
      <c r="AJ47" s="16"/>
      <c r="AK47" s="16"/>
      <c r="AL47" s="17" t="s">
        <v>77</v>
      </c>
      <c r="AN47" s="3"/>
    </row>
    <row r="48" spans="2:40" ht="14.25" customHeight="1" x14ac:dyDescent="0.15">
      <c r="B48" s="550" t="s">
        <v>47</v>
      </c>
      <c r="C48" s="550"/>
      <c r="D48" s="550"/>
      <c r="E48" s="550"/>
      <c r="F48" s="550"/>
      <c r="G48" s="550"/>
      <c r="H48" s="550"/>
      <c r="I48" s="550"/>
      <c r="J48" s="550"/>
      <c r="K48" s="550"/>
      <c r="L48" s="62"/>
      <c r="M48" s="63"/>
      <c r="N48" s="63"/>
      <c r="O48" s="63"/>
      <c r="P48" s="63"/>
      <c r="Q48" s="63"/>
      <c r="R48" s="64"/>
      <c r="S48" s="64"/>
      <c r="T48" s="64"/>
      <c r="U48" s="65"/>
      <c r="V48" s="9"/>
      <c r="W48" s="10"/>
      <c r="X48" s="11"/>
      <c r="Y48" s="10"/>
      <c r="Z48" s="30"/>
      <c r="AA48" s="30"/>
      <c r="AB48" s="30"/>
      <c r="AC48" s="16"/>
      <c r="AD48" s="16"/>
      <c r="AE48" s="16"/>
      <c r="AF48" s="16"/>
      <c r="AG48" s="16"/>
      <c r="AH48" s="47"/>
      <c r="AI48" s="16"/>
      <c r="AJ48" s="16"/>
      <c r="AK48" s="16"/>
      <c r="AL48" s="17"/>
      <c r="AN48" s="3"/>
    </row>
    <row r="49" spans="2:40" ht="14.25" customHeight="1" x14ac:dyDescent="0.15">
      <c r="B49" s="550" t="s">
        <v>48</v>
      </c>
      <c r="C49" s="550"/>
      <c r="D49" s="550"/>
      <c r="E49" s="550"/>
      <c r="F49" s="550"/>
      <c r="G49" s="550"/>
      <c r="H49" s="550"/>
      <c r="I49" s="550"/>
      <c r="J49" s="550"/>
      <c r="K49" s="551"/>
      <c r="L49" s="66"/>
      <c r="M49" s="19"/>
      <c r="N49" s="19"/>
      <c r="O49" s="19"/>
      <c r="P49" s="19"/>
      <c r="Q49" s="19"/>
      <c r="R49" s="10"/>
      <c r="S49" s="10"/>
      <c r="T49" s="10"/>
      <c r="U49" s="10"/>
      <c r="V49" s="8"/>
      <c r="W49" s="8"/>
      <c r="X49" s="8"/>
      <c r="Y49" s="8"/>
      <c r="Z49" s="68"/>
      <c r="AA49" s="68"/>
      <c r="AB49" s="68"/>
      <c r="AC49" s="60"/>
      <c r="AD49" s="60"/>
      <c r="AE49" s="60"/>
      <c r="AF49" s="60"/>
      <c r="AG49" s="60"/>
      <c r="AH49" s="51"/>
      <c r="AI49" s="60"/>
      <c r="AJ49" s="60"/>
      <c r="AK49" s="60"/>
      <c r="AL49" s="61"/>
      <c r="AN49" s="3"/>
    </row>
    <row r="50" spans="2:40" ht="14.25" customHeight="1" x14ac:dyDescent="0.15">
      <c r="B50" s="497" t="s">
        <v>21</v>
      </c>
      <c r="C50" s="497"/>
      <c r="D50" s="497"/>
      <c r="E50" s="497"/>
      <c r="F50" s="497"/>
      <c r="G50" s="497"/>
      <c r="H50" s="497"/>
      <c r="I50" s="497"/>
      <c r="J50" s="497"/>
      <c r="K50" s="497"/>
      <c r="L50" s="62"/>
      <c r="M50" s="63"/>
      <c r="N50" s="63"/>
      <c r="O50" s="63"/>
      <c r="P50" s="63"/>
      <c r="Q50" s="63"/>
      <c r="R50" s="64"/>
      <c r="S50" s="64"/>
      <c r="T50" s="64"/>
      <c r="U50" s="65"/>
      <c r="V50" s="9" t="s">
        <v>0</v>
      </c>
      <c r="W50" s="10"/>
      <c r="X50" s="10"/>
      <c r="Y50" s="10"/>
      <c r="Z50" s="30"/>
      <c r="AA50" s="30"/>
      <c r="AB50" s="30"/>
      <c r="AC50" s="16"/>
      <c r="AD50" s="16"/>
      <c r="AE50" s="16"/>
      <c r="AF50" s="16"/>
      <c r="AG50" s="16"/>
      <c r="AH50" s="47"/>
      <c r="AI50" s="16"/>
      <c r="AJ50" s="16"/>
      <c r="AK50" s="16"/>
      <c r="AL50" s="17"/>
      <c r="AN50" s="3"/>
    </row>
    <row r="51" spans="2:40" ht="14.25" customHeight="1" x14ac:dyDescent="0.15">
      <c r="B51" s="558" t="s">
        <v>49</v>
      </c>
      <c r="C51" s="558"/>
      <c r="D51" s="558"/>
      <c r="E51" s="558"/>
      <c r="F51" s="558"/>
      <c r="G51" s="558"/>
      <c r="H51" s="558"/>
      <c r="I51" s="558"/>
      <c r="J51" s="558"/>
      <c r="K51" s="558"/>
      <c r="L51" s="48"/>
      <c r="M51" s="19"/>
      <c r="N51" s="19"/>
      <c r="O51" s="19"/>
      <c r="P51" s="19"/>
      <c r="Q51" s="19"/>
      <c r="R51" s="10"/>
      <c r="S51" s="10"/>
      <c r="T51" s="10"/>
      <c r="U51" s="10"/>
      <c r="V51" s="10"/>
      <c r="W51" s="7"/>
      <c r="X51" s="7"/>
      <c r="Y51" s="7"/>
      <c r="Z51" s="67"/>
      <c r="AA51" s="67"/>
      <c r="AB51" s="67"/>
      <c r="AC51" s="58"/>
      <c r="AD51" s="58"/>
      <c r="AE51" s="58"/>
      <c r="AF51" s="58"/>
      <c r="AG51" s="58"/>
      <c r="AH51" s="49"/>
      <c r="AI51" s="58"/>
      <c r="AJ51" s="58"/>
      <c r="AK51" s="58"/>
      <c r="AL51" s="59"/>
      <c r="AN51" s="3"/>
    </row>
    <row r="52" spans="2:40" ht="14.25" customHeight="1" x14ac:dyDescent="0.15">
      <c r="B52" s="559" t="s">
        <v>40</v>
      </c>
      <c r="C52" s="560"/>
      <c r="D52" s="560"/>
      <c r="E52" s="560"/>
      <c r="F52" s="560"/>
      <c r="G52" s="560"/>
      <c r="H52" s="560"/>
      <c r="I52" s="560"/>
      <c r="J52" s="560"/>
      <c r="K52" s="560"/>
      <c r="L52" s="560"/>
      <c r="M52" s="560"/>
      <c r="N52" s="560"/>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469" t="s">
        <v>22</v>
      </c>
      <c r="C53" s="561" t="s">
        <v>98</v>
      </c>
      <c r="D53" s="500"/>
      <c r="E53" s="500"/>
      <c r="F53" s="500"/>
      <c r="G53" s="500"/>
      <c r="H53" s="500"/>
      <c r="I53" s="500"/>
      <c r="J53" s="500"/>
      <c r="K53" s="500"/>
      <c r="L53" s="500"/>
      <c r="M53" s="500"/>
      <c r="N53" s="500"/>
      <c r="O53" s="500"/>
      <c r="P53" s="500"/>
      <c r="Q53" s="500"/>
      <c r="R53" s="500"/>
      <c r="S53" s="500"/>
      <c r="T53" s="501"/>
      <c r="U53" s="561" t="s">
        <v>33</v>
      </c>
      <c r="V53" s="562"/>
      <c r="W53" s="562"/>
      <c r="X53" s="562"/>
      <c r="Y53" s="562"/>
      <c r="Z53" s="562"/>
      <c r="AA53" s="562"/>
      <c r="AB53" s="562"/>
      <c r="AC53" s="562"/>
      <c r="AD53" s="562"/>
      <c r="AE53" s="562"/>
      <c r="AF53" s="562"/>
      <c r="AG53" s="562"/>
      <c r="AH53" s="562"/>
      <c r="AI53" s="562"/>
      <c r="AJ53" s="562"/>
      <c r="AK53" s="562"/>
      <c r="AL53" s="563"/>
      <c r="AN53" s="3"/>
    </row>
    <row r="54" spans="2:40" x14ac:dyDescent="0.15">
      <c r="B54" s="470"/>
      <c r="C54" s="564"/>
      <c r="D54" s="565"/>
      <c r="E54" s="565"/>
      <c r="F54" s="565"/>
      <c r="G54" s="565"/>
      <c r="H54" s="565"/>
      <c r="I54" s="565"/>
      <c r="J54" s="565"/>
      <c r="K54" s="565"/>
      <c r="L54" s="565"/>
      <c r="M54" s="565"/>
      <c r="N54" s="565"/>
      <c r="O54" s="565"/>
      <c r="P54" s="565"/>
      <c r="Q54" s="565"/>
      <c r="R54" s="565"/>
      <c r="S54" s="565"/>
      <c r="T54" s="535"/>
      <c r="U54" s="564"/>
      <c r="V54" s="565"/>
      <c r="W54" s="565"/>
      <c r="X54" s="565"/>
      <c r="Y54" s="565"/>
      <c r="Z54" s="565"/>
      <c r="AA54" s="565"/>
      <c r="AB54" s="565"/>
      <c r="AC54" s="565"/>
      <c r="AD54" s="565"/>
      <c r="AE54" s="565"/>
      <c r="AF54" s="565"/>
      <c r="AG54" s="565"/>
      <c r="AH54" s="565"/>
      <c r="AI54" s="565"/>
      <c r="AJ54" s="565"/>
      <c r="AK54" s="565"/>
      <c r="AL54" s="535"/>
      <c r="AN54" s="3"/>
    </row>
    <row r="55" spans="2:40" x14ac:dyDescent="0.15">
      <c r="B55" s="470"/>
      <c r="C55" s="566"/>
      <c r="D55" s="567"/>
      <c r="E55" s="567"/>
      <c r="F55" s="567"/>
      <c r="G55" s="567"/>
      <c r="H55" s="567"/>
      <c r="I55" s="567"/>
      <c r="J55" s="567"/>
      <c r="K55" s="567"/>
      <c r="L55" s="567"/>
      <c r="M55" s="567"/>
      <c r="N55" s="567"/>
      <c r="O55" s="567"/>
      <c r="P55" s="567"/>
      <c r="Q55" s="567"/>
      <c r="R55" s="567"/>
      <c r="S55" s="567"/>
      <c r="T55" s="537"/>
      <c r="U55" s="566"/>
      <c r="V55" s="567"/>
      <c r="W55" s="567"/>
      <c r="X55" s="567"/>
      <c r="Y55" s="567"/>
      <c r="Z55" s="567"/>
      <c r="AA55" s="567"/>
      <c r="AB55" s="567"/>
      <c r="AC55" s="567"/>
      <c r="AD55" s="567"/>
      <c r="AE55" s="567"/>
      <c r="AF55" s="567"/>
      <c r="AG55" s="567"/>
      <c r="AH55" s="567"/>
      <c r="AI55" s="567"/>
      <c r="AJ55" s="567"/>
      <c r="AK55" s="567"/>
      <c r="AL55" s="537"/>
      <c r="AN55" s="3"/>
    </row>
    <row r="56" spans="2:40" x14ac:dyDescent="0.15">
      <c r="B56" s="470"/>
      <c r="C56" s="566"/>
      <c r="D56" s="567"/>
      <c r="E56" s="567"/>
      <c r="F56" s="567"/>
      <c r="G56" s="567"/>
      <c r="H56" s="567"/>
      <c r="I56" s="567"/>
      <c r="J56" s="567"/>
      <c r="K56" s="567"/>
      <c r="L56" s="567"/>
      <c r="M56" s="567"/>
      <c r="N56" s="567"/>
      <c r="O56" s="567"/>
      <c r="P56" s="567"/>
      <c r="Q56" s="567"/>
      <c r="R56" s="567"/>
      <c r="S56" s="567"/>
      <c r="T56" s="537"/>
      <c r="U56" s="566"/>
      <c r="V56" s="567"/>
      <c r="W56" s="567"/>
      <c r="X56" s="567"/>
      <c r="Y56" s="567"/>
      <c r="Z56" s="567"/>
      <c r="AA56" s="567"/>
      <c r="AB56" s="567"/>
      <c r="AC56" s="567"/>
      <c r="AD56" s="567"/>
      <c r="AE56" s="567"/>
      <c r="AF56" s="567"/>
      <c r="AG56" s="567"/>
      <c r="AH56" s="567"/>
      <c r="AI56" s="567"/>
      <c r="AJ56" s="567"/>
      <c r="AK56" s="567"/>
      <c r="AL56" s="537"/>
      <c r="AN56" s="3"/>
    </row>
    <row r="57" spans="2:40" x14ac:dyDescent="0.15">
      <c r="B57" s="471"/>
      <c r="C57" s="568"/>
      <c r="D57" s="562"/>
      <c r="E57" s="562"/>
      <c r="F57" s="562"/>
      <c r="G57" s="562"/>
      <c r="H57" s="562"/>
      <c r="I57" s="562"/>
      <c r="J57" s="562"/>
      <c r="K57" s="562"/>
      <c r="L57" s="562"/>
      <c r="M57" s="562"/>
      <c r="N57" s="562"/>
      <c r="O57" s="562"/>
      <c r="P57" s="562"/>
      <c r="Q57" s="562"/>
      <c r="R57" s="562"/>
      <c r="S57" s="562"/>
      <c r="T57" s="563"/>
      <c r="U57" s="568"/>
      <c r="V57" s="562"/>
      <c r="W57" s="562"/>
      <c r="X57" s="562"/>
      <c r="Y57" s="562"/>
      <c r="Z57" s="562"/>
      <c r="AA57" s="562"/>
      <c r="AB57" s="562"/>
      <c r="AC57" s="562"/>
      <c r="AD57" s="562"/>
      <c r="AE57" s="562"/>
      <c r="AF57" s="562"/>
      <c r="AG57" s="562"/>
      <c r="AH57" s="562"/>
      <c r="AI57" s="562"/>
      <c r="AJ57" s="562"/>
      <c r="AK57" s="562"/>
      <c r="AL57" s="563"/>
      <c r="AN57" s="3"/>
    </row>
    <row r="58" spans="2:40" ht="14.25" customHeight="1" x14ac:dyDescent="0.15">
      <c r="B58" s="465" t="s">
        <v>23</v>
      </c>
      <c r="C58" s="466"/>
      <c r="D58" s="466"/>
      <c r="E58" s="466"/>
      <c r="F58" s="467"/>
      <c r="G58" s="497" t="s">
        <v>24</v>
      </c>
      <c r="H58" s="497"/>
      <c r="I58" s="497"/>
      <c r="J58" s="497"/>
      <c r="K58" s="497"/>
      <c r="L58" s="497"/>
      <c r="M58" s="497"/>
      <c r="N58" s="497"/>
      <c r="O58" s="497"/>
      <c r="P58" s="497"/>
      <c r="Q58" s="497"/>
      <c r="R58" s="497"/>
      <c r="S58" s="497"/>
      <c r="T58" s="497"/>
      <c r="U58" s="497"/>
      <c r="V58" s="497"/>
      <c r="W58" s="497"/>
      <c r="X58" s="497"/>
      <c r="Y58" s="497"/>
      <c r="Z58" s="497"/>
      <c r="AA58" s="497"/>
      <c r="AB58" s="497"/>
      <c r="AC58" s="497"/>
      <c r="AD58" s="497"/>
      <c r="AE58" s="497"/>
      <c r="AF58" s="497"/>
      <c r="AG58" s="497"/>
      <c r="AH58" s="497"/>
      <c r="AI58" s="497"/>
      <c r="AJ58" s="497"/>
      <c r="AK58" s="497"/>
      <c r="AL58" s="497"/>
      <c r="AN58" s="3"/>
    </row>
    <row r="60" spans="2:40" x14ac:dyDescent="0.15">
      <c r="B60" s="14" t="s">
        <v>52</v>
      </c>
    </row>
    <row r="61" spans="2:40" x14ac:dyDescent="0.15">
      <c r="B61" s="14" t="s">
        <v>137</v>
      </c>
    </row>
    <row r="62" spans="2:40" x14ac:dyDescent="0.15">
      <c r="B62" s="14" t="s">
        <v>138</v>
      </c>
    </row>
    <row r="63" spans="2:40" x14ac:dyDescent="0.15">
      <c r="B63" s="14" t="s">
        <v>142</v>
      </c>
    </row>
    <row r="64" spans="2:40" x14ac:dyDescent="0.15">
      <c r="B64" s="14" t="s">
        <v>75</v>
      </c>
    </row>
    <row r="65" spans="2:41" x14ac:dyDescent="0.15">
      <c r="B65" s="14" t="s">
        <v>99</v>
      </c>
    </row>
    <row r="66" spans="2:41" x14ac:dyDescent="0.15">
      <c r="B66" s="14" t="s">
        <v>76</v>
      </c>
      <c r="AN66" s="3"/>
      <c r="AO66" s="14"/>
    </row>
    <row r="67" spans="2:41" x14ac:dyDescent="0.15">
      <c r="B67" s="14" t="s">
        <v>54</v>
      </c>
    </row>
    <row r="68" spans="2:41" x14ac:dyDescent="0.15">
      <c r="B68" s="14" t="s">
        <v>78</v>
      </c>
    </row>
    <row r="69" spans="2:41" x14ac:dyDescent="0.15">
      <c r="B69" s="14" t="s">
        <v>139</v>
      </c>
    </row>
    <row r="70" spans="2:41" x14ac:dyDescent="0.15">
      <c r="B70" s="14" t="s">
        <v>136</v>
      </c>
    </row>
    <row r="84" spans="2:2" ht="12.75" customHeight="1" x14ac:dyDescent="0.15">
      <c r="B84" s="46"/>
    </row>
    <row r="85" spans="2:2" ht="12.75" customHeight="1" x14ac:dyDescent="0.15">
      <c r="B85" s="46" t="s">
        <v>35</v>
      </c>
    </row>
    <row r="86" spans="2:2" ht="12.75" customHeight="1" x14ac:dyDescent="0.15">
      <c r="B86" s="46" t="s">
        <v>25</v>
      </c>
    </row>
    <row r="87" spans="2:2" ht="12.75" customHeight="1" x14ac:dyDescent="0.15">
      <c r="B87" s="46" t="s">
        <v>26</v>
      </c>
    </row>
    <row r="88" spans="2:2" ht="12.75" customHeight="1" x14ac:dyDescent="0.15">
      <c r="B88" s="46" t="s">
        <v>36</v>
      </c>
    </row>
    <row r="89" spans="2:2" ht="12.75" customHeight="1" x14ac:dyDescent="0.15">
      <c r="B89" s="46" t="s">
        <v>27</v>
      </c>
    </row>
    <row r="90" spans="2:2" ht="12.75" customHeight="1" x14ac:dyDescent="0.15">
      <c r="B90" s="46" t="s">
        <v>37</v>
      </c>
    </row>
    <row r="91" spans="2:2" ht="12.75" customHeight="1" x14ac:dyDescent="0.15">
      <c r="B91" s="46" t="s">
        <v>38</v>
      </c>
    </row>
    <row r="92" spans="2:2" ht="12.75" customHeight="1" x14ac:dyDescent="0.15">
      <c r="B92" s="46" t="s">
        <v>39</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B58:F58"/>
    <mergeCell ref="G58:AL58"/>
    <mergeCell ref="B51:K51"/>
    <mergeCell ref="B52:N52"/>
    <mergeCell ref="B53:B57"/>
    <mergeCell ref="C53:T53"/>
    <mergeCell ref="U53:AL53"/>
    <mergeCell ref="C54:T57"/>
    <mergeCell ref="U54:AL57"/>
    <mergeCell ref="E47:L47"/>
    <mergeCell ref="B48:K48"/>
    <mergeCell ref="B49:K49"/>
    <mergeCell ref="B50:K50"/>
    <mergeCell ref="B34:B47"/>
    <mergeCell ref="C34:L35"/>
    <mergeCell ref="C42:C47"/>
    <mergeCell ref="E42:L42"/>
    <mergeCell ref="E43:L43"/>
    <mergeCell ref="E44:L44"/>
    <mergeCell ref="E45:L45"/>
    <mergeCell ref="E46:L46"/>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C30:K30"/>
    <mergeCell ref="L30:AL30"/>
    <mergeCell ref="C31:K33"/>
    <mergeCell ref="L31:AL31"/>
    <mergeCell ref="L32:AL32"/>
    <mergeCell ref="L33:AL33"/>
    <mergeCell ref="L28:AL28"/>
    <mergeCell ref="C29:K29"/>
    <mergeCell ref="L29:P29"/>
    <mergeCell ref="Z29:AD29"/>
    <mergeCell ref="AJ29:AL29"/>
    <mergeCell ref="C19:K21"/>
    <mergeCell ref="L19:AL19"/>
    <mergeCell ref="L20:AL20"/>
    <mergeCell ref="L21:AL21"/>
    <mergeCell ref="B22:B33"/>
    <mergeCell ref="C22:K24"/>
    <mergeCell ref="L22:AL22"/>
    <mergeCell ref="L23:AL23"/>
    <mergeCell ref="L24:AL24"/>
    <mergeCell ref="C25:K25"/>
    <mergeCell ref="L25:P25"/>
    <mergeCell ref="Z25:AD25"/>
    <mergeCell ref="AJ25:AL25"/>
    <mergeCell ref="C26:K28"/>
    <mergeCell ref="L26:AL26"/>
    <mergeCell ref="L27:AL27"/>
    <mergeCell ref="L18:P18"/>
    <mergeCell ref="Z18:AD18"/>
    <mergeCell ref="C17:K17"/>
    <mergeCell ref="U17:Y17"/>
    <mergeCell ref="AE17:AK17"/>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s>
  <phoneticPr fontId="6"/>
  <pageMargins left="0.39370078740157483" right="0" top="0.59055118110236227" bottom="0" header="0.51181102362204722" footer="0.51181102362204722"/>
  <pageSetup paperSize="9" scale="80"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別紙1－2（介護予防サービス）</vt:lpstr>
      <vt:lpstr>★別紙1－2 (サテライト)</vt:lpstr>
      <vt:lpstr>備考（1－2）</vt:lpstr>
      <vt:lpstr>参考様式23</vt:lpstr>
      <vt:lpstr>参考様式23-参考資料</vt:lpstr>
      <vt:lpstr>別紙●24</vt:lpstr>
      <vt:lpstr>'★別紙1－2 (サテライト)'!Print_Area</vt:lpstr>
      <vt:lpstr>'★別紙1－2（介護予防サービス）'!Print_Area</vt:lpstr>
      <vt:lpstr>参考様式23!Print_Area</vt:lpstr>
      <vt:lpstr>'参考様式23-参考資料'!Print_Area</vt:lpstr>
      <vt:lpstr>'備考（1－2）'!Print_Area</vt:lpstr>
      <vt:lpstr>別紙●24!Print_Area</vt:lpstr>
    </vt:vector>
  </TitlesOfParts>
  <Manager/>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福田 悠(fukuda-yuu.n55)</dc:creator>
  <cp:keywords/>
  <dc:description/>
  <cp:lastModifiedBy>広島県</cp:lastModifiedBy>
  <cp:revision>1</cp:revision>
  <cp:lastPrinted>2022-09-28T06:03:29Z</cp:lastPrinted>
  <dcterms:created xsi:type="dcterms:W3CDTF">2021-03-17T07:18:01Z</dcterms:created>
  <dcterms:modified xsi:type="dcterms:W3CDTF">2022-09-29T02:40:27Z</dcterms:modified>
  <cp:category/>
</cp:coreProperties>
</file>